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47\"/>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818" uniqueCount="542">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14/11/2020</t>
  </si>
  <si>
    <t>07:00:00:00</t>
  </si>
  <si>
    <t>N0012083</t>
  </si>
  <si>
    <t>Ma vie est un zoo ! : Envoyez l'hippopotame !</t>
  </si>
  <si>
    <t>My Life is a Zoo</t>
  </si>
  <si>
    <t>Show ME The Hippo</t>
  </si>
  <si>
    <t>00:44</t>
  </si>
  <si>
    <t>United States</t>
  </si>
  <si>
    <t>Après un hiver solitaire Bud et Carrie accueillent les bénévoles et les invités du zoo. En plus de leurs tâches quotidiennes, ils sont occupés à préparer l'arrivée de la dernière grosse attraction : un bébé hippopotame. Il y a beaucoup de travail à faire avant qu'il arrive. Mais quand un poulet peu méfiant se promène dans l'enclos du tigre et un amoureux des chats décède en laissant derrière lui une maison remplie de chats sauvages, Bud et Carrie doivent intervenir. Les choses deviennent vraiment tendues avec l'arrivée de fâcheuses nouvelles : le coût pour transporter l'hippo a énormément augmenté! Bud et Carrie doivent réunir les fonds nécessaires, en priant pour un miracle pour tenir leur promesse d'amener un bébé hippopotame au zoo.</t>
  </si>
  <si>
    <t>07:45:00:00</t>
  </si>
  <si>
    <t>N0012085</t>
  </si>
  <si>
    <t>Ma vie est un zoo ! : Opération tigre blanc</t>
  </si>
  <si>
    <t>White Tiger Trouble</t>
  </si>
  <si>
    <t>La saison estivale bat son plein au zoo de la famille DeYoung, un grand zoo privé au milieu de nulle part, dans le Michigan. La foule afflue, et Bud et Carrie luttent pour garder le rythme. Leur liste de tâches s'allonge de plus en plus chaque minute. Emo, un tigre blanc, doit être stérilisé alors Bud et Carrie se démènent pour préparer une salle d'opération. Enfin, tout est prêt et le vétérinaire arrive. Mais la chirurgie n'est pas sans complications.</t>
  </si>
  <si>
    <t>08:40:00:00</t>
  </si>
  <si>
    <t>P0898301</t>
  </si>
  <si>
    <t>Snakes In The City : En plein cœur de la nuit</t>
  </si>
  <si>
    <t>Snakes In The City</t>
  </si>
  <si>
    <t>The Dark Night</t>
  </si>
  <si>
    <t>00:43</t>
  </si>
  <si>
    <t>Il s’en est fallu de peu ! Dans cet épisode, Simon se retrouve nez à nez avec un redoutable mamba noir au beau milieu de la nuit et rencontre pour la première fois un serpent de l’espèce Naja annulifera qui a fait du stop jusque Durban.</t>
  </si>
  <si>
    <t>09:30:00:00</t>
  </si>
  <si>
    <t>P0898302</t>
  </si>
  <si>
    <t>Snakes In The City : Un serpent dans le frigo</t>
  </si>
  <si>
    <t>There's A Snake In The Fridge!</t>
  </si>
  <si>
    <t>À Durban, la saison des mambas bat son plein : ces serpents très dangereux se cachent dans les moindres recoins. Dans cet épisode, Simon risque sa vie pour sauver des mambas perchés dans des arbres, dans des boîtes et même dans un réfrigérateur ! Mais ses ennuis ne s’arrêtent pas là… surtout lorsqu’il réalise que la petite pièce sombre dans laquelle il se trouve abrite non pas un, mais deux cobras très venimeux.</t>
  </si>
  <si>
    <t>10:20:00:00</t>
  </si>
  <si>
    <t>P0898303</t>
  </si>
  <si>
    <t>Snakes In The City : Diviser pour mieux régner</t>
  </si>
  <si>
    <t>Divide And Conquer</t>
  </si>
  <si>
    <t>Dans cet épisode, Simon et Sioux manquent de se faire mordre en capturant et en relâchant des serpents du Cap en plein accouplement. Si le travail d’équipe est essentiel, il faut parfois se diviser pour réussir à secourir tous les reptiles.</t>
  </si>
  <si>
    <t>11:10:00:00</t>
  </si>
  <si>
    <t>P0903159</t>
  </si>
  <si>
    <t>Serpent à sonnette : la terreur du désert</t>
  </si>
  <si>
    <t>America's Super-Snake</t>
  </si>
  <si>
    <t>America's Super-Snake, 1</t>
  </si>
  <si>
    <t>South Africa</t>
  </si>
  <si>
    <t>Les serpents à sonnette, ou crotales, représentent l’espèce de vipère la plus évoluée sur la planète. Célèbres pour leurs attaques éclair et pour leur redoutable venin, le simple bruit de leur cascabelle, reconnaissable entre tous, suffit à tétaniser ceux qui l’entendent. Mais derrière cette infâme réputation se cache en réalité un serpent timide et sensuel, qui ne cherche qu’à assurer sa descendance. Partez à la rencontre d’un crotale diamantin de l’Ouest confronté aux défis de l’été désertique, là où seules les créatures vertébrées les plus rusées peuvent survivre.</t>
  </si>
  <si>
    <t>12:00:00:00</t>
  </si>
  <si>
    <t>P0847550</t>
  </si>
  <si>
    <t>Le refuge du bonheur : À l’école de pilotage</t>
  </si>
  <si>
    <t>Bandit Patrol Compilations</t>
  </si>
  <si>
    <t>Flight School</t>
  </si>
  <si>
    <t>Lorsque les espèces volantes se retrouvent clouées au sol, elles courent le danger d’être attaquées ou écrasées. Heureusement, leurs soigneurs sont là pour les aider à reprendre leur envol. Brigette part à la rescousse d’un bébé chauve-souris retrouvé sans défense sur le sol. Nancy reçoit un appel au sujet d’un pygargue à tête blanche qui n’arrive plus à décoller. Nikki prend sous son aile une petite chauve-souris brune suspendue dans un palais de justice, pendant que Kristin soigne un grand-duc d’Amérique atteint d’une curieuse maladie.</t>
  </si>
  <si>
    <t>12:50:00:00</t>
  </si>
  <si>
    <t>P0847552</t>
  </si>
  <si>
    <t>Le refuge du bonheur : La famille des renards</t>
  </si>
  <si>
    <t>Foxy Family</t>
  </si>
  <si>
    <t>Les soigneurs du Kentucky forment une famille très unie. Chacun d’entre eux a sa spécialité qu’il fait partager à la communauté lorsque l’un des soigneurs a trop d’animaux à sa charge. Nikki est rentrée à la maison avec une portée de bébés ratons laveurs, qu’elle ne peut nourrir en permanence en raison de son travail à temps plein. Heureusement, elle peut compter sur Nancy pour prendre le relais. Kristin et Nikki réunissent leurs renards orphelins afin d’augmenter leur chance de survie à l’état sauvage. Enfin, Nikki apporte un petit-duc à Kristin, qui s’avère être une spécialiste de la réhabilitation des rapaces.</t>
  </si>
  <si>
    <t>13:40:00:00</t>
  </si>
  <si>
    <t>P0847553</t>
  </si>
  <si>
    <t>Le refuge du bonheur : Une livraison spéciale</t>
  </si>
  <si>
    <t>Special Delivery</t>
  </si>
  <si>
    <t>À l’état sauvage, les bébés animaux dépendent entièrement de leur mère. Mais il arrive que cette dernière ne survive pas à ses petits, c’est à cet instant précis que les soigneurs entrent en jeu. Kristin et son fils Grant élèvent un bébé lynx orphelin. De son côté, Brigette porte secours à un bébé mouffette souffrant de potentielles lésions nerveuses, dont la mère aurait été écrasée par une voiture. Enfin, Nikki rééduque deux familles de renards orphelins qui ne parviennent pas à se fier à leurs instincts naturels.</t>
  </si>
  <si>
    <t>14:25:00:00</t>
  </si>
  <si>
    <t>Europe, continent sauvage : Le retour des titans</t>
  </si>
  <si>
    <t>Europe's New Wild</t>
  </si>
  <si>
    <t>Return of The Titans</t>
  </si>
  <si>
    <t>00:45</t>
  </si>
  <si>
    <t>Netherlands</t>
  </si>
  <si>
    <t>Au cœur des Carpates et de plusieurs bastions de la faune, plusieurs mesures viennent en aide à la nature. La réintroduction du bison d’Europe et la reproduction du loup gris sur le continent signent le retour d’espèces sauvages qui bénéficie à la fois aux autres animaux, mais aussi aux humains.</t>
  </si>
  <si>
    <t>15:15:00:00</t>
  </si>
  <si>
    <t>Europe, continent sauvage : Le lynx disparu</t>
  </si>
  <si>
    <t>The Missing Lynx</t>
  </si>
  <si>
    <t>Dans l’ensemble de la péninsule ibérique, les chaînes alimentaires et les écosystèmes se rétablissent progressivement, permettant ainsi à certains animaux menacés, parmi lesquels le chat le plus rare du monde, de prospérer à nouveau.</t>
  </si>
  <si>
    <t>16:00:00:00</t>
  </si>
  <si>
    <t>N0019768</t>
  </si>
  <si>
    <t>Wild West : La côte sauvage</t>
  </si>
  <si>
    <t>The Wild West</t>
  </si>
  <si>
    <t>Gold Rush</t>
  </si>
  <si>
    <t>Pendant que les éléphants de mer règlent leurs comptes violemment, les ours bruns et noirs sont à la recherche de leur or rose : le saumon. Quant aux castors, ceux-ci n'ont qu'un seul objectif, conquérir les terres de l'ouest, pendant que les lynx parcourent le monde en solitaire. Découvrez le Far West emblématique des Etats-Unis, aussi sauvage aujourd'hui qu'il l'était dans les films de l'âge d'or du cinéma américain.</t>
  </si>
  <si>
    <t>16:45:00:00</t>
  </si>
  <si>
    <t>P0915831</t>
  </si>
  <si>
    <t>L’incroyable Dr Pol - P’tits bouts : Ligne et hameçon</t>
  </si>
  <si>
    <t>Incredible Dr. Pol - Mini Moo! S4</t>
  </si>
  <si>
    <t>Hook, Line, And Lemur</t>
  </si>
  <si>
    <t>00:21</t>
  </si>
  <si>
    <t xml:space="preserve">Malgré l’arrivée de l’été, les patients continuent d’affluer à la clinique du Dr Pol. Après une semaine bien remplie, les vétérinaires comme leurs amis à fourrure ont bien besoin de repos. Dr Pol profite de cette fin de semaine pour échanger son stéthoscope contre une canne à pêche lors d’une brève escapade au grand large avec Diane. </t>
  </si>
  <si>
    <t>17:10:00:00</t>
  </si>
  <si>
    <t>P0885646</t>
  </si>
  <si>
    <t>L'incroyable Dr Pol : L’importance de la famille</t>
  </si>
  <si>
    <t>The Incredible Dr. Pol Compilations</t>
  </si>
  <si>
    <t>Pol In The Family</t>
  </si>
  <si>
    <t>00:42</t>
  </si>
  <si>
    <t>Les animaux de compagnie des clients de la clinique sont des membres à part entière de leur famille. Et lorsque l’un d’entre eux tombe malade, l’équipe du Dr Pol débarque à la rescousse ! Le vétérinaire est de garde pour porter secours à tous les patients à quatre pattes du Michigan, des chiens guides aux chevaux thérapeutes, en passant par tous les autres membres de la ménagerie. Dans cet épisode, nous verrons le lien spécial qui unit les humains à leurs animaux de compagnie.</t>
  </si>
  <si>
    <t>18:05:00:00</t>
  </si>
  <si>
    <t>P0885647</t>
  </si>
  <si>
    <t>L'incroyable Dr Pol : Le SAMU des animaux</t>
  </si>
  <si>
    <t>Pol-Mergencies</t>
  </si>
  <si>
    <t>La commune de Weidman, dans le Michigan, ne connaît pas l’ennui. Des mises bas difficiles aux piquants de porc-épic, en passant par les attaques canines, la clinique du Dr Pol doit chaque jour gérer son lot d’urgences. Polyvalents, les vétérinaires sont à la fois secouristes, infirmiers et chirurgiens urgentistes. Dans cet épisode, les situations de crise s’enchaînent.</t>
  </si>
  <si>
    <t>19:00:00:00</t>
  </si>
  <si>
    <t>P0853062</t>
  </si>
  <si>
    <t>L'incroyable Dr Pol : Vacances à la clinique</t>
  </si>
  <si>
    <t>A Year of Pol-Idays</t>
  </si>
  <si>
    <t>Même pendant les vacances, Dr Pol, Dr Brenda et Dr Emily n’hésitent pas à retrousser leurs manches pour se mettre au travail. Qu’elle décore les salles de la clinique ou exprime sa gratitude, l’équipe du Dr Pol trouve le temps de profiter des festivités tout au long de l’année, même lorsqu’elle s’affaire à sauver des vies.</t>
  </si>
  <si>
    <t>19:55:00:00</t>
  </si>
  <si>
    <t>P0853063</t>
  </si>
  <si>
    <t>L'incroyable Dr Pol : L’union fait la force</t>
  </si>
  <si>
    <t>I'll Be There For Moo</t>
  </si>
  <si>
    <t>00:41</t>
  </si>
  <si>
    <t>Face à des cas étranges, les vétérinaires de la clinique du Dr Pol font équipe. Qu’il s’agisse d’un second avis ou d’une paire de mains supplémentaire, deux cerveaux valent mieux qu’un ! Dans cet épisode, l’équipe unit ses forces afin de dénouer les cas les plus délicats.</t>
  </si>
  <si>
    <t>20:45:00:00</t>
  </si>
  <si>
    <t>N0012084</t>
  </si>
  <si>
    <t>Ma vie est un zoo ! : L'hippo est arrivé !</t>
  </si>
  <si>
    <t>The Hippo Has Landed</t>
  </si>
  <si>
    <t>Le mois de juin vient à peine de commencer, mais au zoo de la famille DeYoung, un zoo privé dans la péninsule supérieure du Michigan, la saison estivale a déjà bien débuté. Bud et Carrie sont sur le qui-vive car a lieu aujourd'hui la plus grande arrivée au zoo. Après un voyage de 18 000 km, Wallace, un bébé hippopotame de 180 kg, arrive de Jakarta. Avec l'aide de quelques carottes savoureuses, le zoo accueille enfin son nouveau hippo - maintenant Bud et Carrie ont juste à le nourrir! Par ailleurs, Carrie vient de lancer un centre de secours des animaux - Piper's Place - et espère qu'un événement de collecte de fonds va apporter l'argent dont elle a besoin. Les ballons sont gonflés et le gâteau est coupé, mais Carrie arrivera-t-elle à ramener les milliers de dollars nécessaires au maintien de Piper Place?</t>
  </si>
  <si>
    <t>21:40:00:00</t>
  </si>
  <si>
    <t>N0011871</t>
  </si>
  <si>
    <t>Ma vie est un zoo ! : Tempête de neige</t>
  </si>
  <si>
    <t>My Life Is A Zoo (ONE OFF)</t>
  </si>
  <si>
    <t>00:46</t>
  </si>
  <si>
    <t>Alors que Bud et Carrie se préparent à l'arrivée d'un nouveau membre du zoo, le nord du Michigan est frappé par une précoce et inattendue tempête de neige. Mais la vie ne suspend jamais son cours lorsque vous avez 400 bouches à nourrir...Il faut nettoyer les cages, déneiger les enclos, et un étalon sauvage à secourir dans la ferme voisine. Tandis que la température continue de chuter, l'accouchement d'une panthère des neiges conduit à la fois à un grand bonheur et une tragédie.</t>
  </si>
  <si>
    <t>22:30:00:00</t>
  </si>
  <si>
    <t>N0020961</t>
  </si>
  <si>
    <t>Wild jobs : Requins à New York</t>
  </si>
  <si>
    <t>Jobs That Bite!</t>
  </si>
  <si>
    <t>Sharktank Cleaner</t>
  </si>
  <si>
    <t>Dans cet épisode, Jeremy Brandt part à New York pour sa première aventure urbaine. A l'aquarium de Long Island, il plonge au milieu des requins pour nettoyer leur bassin. À Brooklyn, il monte sur le toit d'un immeuble où vivent des pigeons un peu particuliers. Enfin, Jeremy rejoint la brigade de police montée qui patrouille dans Central Park.</t>
  </si>
  <si>
    <t>23:20:00:00</t>
  </si>
  <si>
    <t>N0020962</t>
  </si>
  <si>
    <t>Wild jobs : Un travail de cochon</t>
  </si>
  <si>
    <t>The Hog Fixer</t>
  </si>
  <si>
    <t>Dans cet épisode, Jeremy Brandt se dirige vers le nord-ouest du Pacifique et n'hésite pas à se salir les mains au contact des animaux. Il apprend à couper du bois avec un cheval, mais n'a jamais utilisé de tronçonneuse avant, ce qui rend le travail compliqué ! Ensuite il participe à une autopsie sur un phoque mort, afin de trouver la cause du décès. C'est un travail peu ragoûtant, mais quelqu'un doit bien le faire ! Enfin, il s'arrête dans une ferme d'élevage de porcs. C'est là qu'il trouve sa pire mission : la castration des cochons...</t>
  </si>
  <si>
    <t>24:10:00:00</t>
  </si>
  <si>
    <t>N0021365</t>
  </si>
  <si>
    <t>Wild jobs : La peau de l'ours</t>
  </si>
  <si>
    <t>The Black Bear Catcher</t>
  </si>
  <si>
    <t>Dans cet épisode, Jeremy Brandt part en Nouvelle-Angleterre pour travailler dans une ferme, dans la forêt et au large des côtes. Son premier arrêt se fait au nord du Maine, où il doit aider les chercheurs locaux à attraper des ours noirs. Le travail commence bien jusqu'à ce qu'un ours blesse un membre de l'équipe avec ses griffes. Il se dirige ensuite dans une ferme laitière du Vermont et enfin, à Portland, au royaume du homard...</t>
  </si>
  <si>
    <t>24:55:00:00</t>
  </si>
  <si>
    <t>P0780709</t>
  </si>
  <si>
    <t>Destination Wild : la Chine, des animaux magiques</t>
  </si>
  <si>
    <t>China's Wild Side</t>
  </si>
  <si>
    <t>Magical Beasts</t>
  </si>
  <si>
    <t>New Zealand</t>
  </si>
  <si>
    <t>Bienvenue dans la nature chinoise : des pics enneigés aux forêts tropicales denses, ce royaume sauvage abrite un nombre exceptionnel d’espèces animales. Dans le climat rude des hautes montagnes du nord, vit l’un des primates les plus rares et survivant à l’une des altitudes les plus élevées du monde : le rhinopithèque brun. Au sud des versants enneigés, des forêts tempérées abritent des animaux étonnants qui se nourrissent de bambous : le petit panda roux, ainsi que le rat des bambous, rongeur qui se cache sous terre. Dans ce même paysage, évolue le tragopan de Temminck, faisan aux couleurs flamboyantes dont la parade nuptiale figure parmi les plus étranges de la planète. Plus au sud, les plaines sont couvertes d’une forêt tropicale dense. Ici, l’aurore est rythmée par le chant envoûtant du gibbon noir (l’un des rares singes de Chine), tandis que la nuit, le loris Nycticebus bengalensis sort chasser sous le ciel étoilé.</t>
  </si>
  <si>
    <t>25:40:00:00</t>
  </si>
  <si>
    <t>P0780710</t>
  </si>
  <si>
    <t>Destination Wild : la Chine, le royaume animal du Tibet</t>
  </si>
  <si>
    <t>Tibet's Animal Kingdom</t>
  </si>
  <si>
    <t>Cet épisode nous emmène sur le toit du monde : le Tibet et son royaume naturel mystérieux, où les animaux et l’homme cohabitent à de hautes altitudes, dans un environnement extrêmement rude. Abritant l’un des plateaux les plus vastes du monde, le Tibet accueille une étonnante diversité d’animaux, de l’ours du Tibet au tout petit pika. Des espèces parviennent même à survivre au sud-est de cette région, dans l’Himalaya. On y trouve notamment le grand bharal, qui est l’un des moutons les plus résistants de la planète, mais aussi un félin qui se laisse rarement observer : la panthère des neiges. Prouvant que le haut plateau tibétain s’est formé en même temps que la montagne, le serpent Thermophis baileyi est l’un des rares reptiles de la région à vivre parmi les sources chaudes volcaniques. Enfin, le macaque du Tibet est le seul primate de cette province. Avec sa robe épaisse, ce cousin du macaque asiatique vit dans l’est du Tibet, dans un écosystème de haute montagne.</t>
  </si>
  <si>
    <t>26:25:00:00</t>
  </si>
  <si>
    <t>N0024974</t>
  </si>
  <si>
    <t>Au Coeur de l'Indochine : Le Vietnam</t>
  </si>
  <si>
    <t>Indochina's Wild Heart</t>
  </si>
  <si>
    <t>Wild Vietnam</t>
  </si>
  <si>
    <t>United Kingdom</t>
  </si>
  <si>
    <t>Il y a moins de 50 ans, le Vietnam était ravagé par la guerre. Les bombes et l'agent-orange ont laissé derrière eux une terre stérile et un paysage dévasté. Mais aujourd'hui, le Vietnam est reconnu comme un pays possédant l'une des plus grandes biodiversités. En effet, il abrite environ 10 % des espèces connues sur la planète, notamment dans ses jungles tropicales, berceau de créatures exotiques uniques. Alors comment la nature a-t-elle fait pour reprendre ses droits au Vietnam ? Des cratères de bombes devenus de véritables paradis pour la vie sauvage au bambou, cette plante à croissance rapide qui a sauvé l'écosystème en passant par les grottes qui ont offert un abri à de nombreux animaux très rares, le Vietnam témoigne de l'incroyable capacité de la nature à se relever. Ici, chaque animal, chaque plante est un véritable survivant.</t>
  </si>
  <si>
    <t>27:10:00:00</t>
  </si>
  <si>
    <t>N0024975</t>
  </si>
  <si>
    <t>Au Coeur de l'Indochine : Le Cambodge</t>
  </si>
  <si>
    <t>Wild Cambodia</t>
  </si>
  <si>
    <t>Le paysage cambodgien est façonné par le climat extrême de la mousson qui permet à une incroyable diversité d'animaux et de plantes de vivre et contribue à la création de l'un des écosystèmes les plus singuliers de la planète. Le puissant fleuve Mékong serpente à travers le paysage, laissant son empreinte au passage. Durant la mousson, il se gonfle et vient inonder le grand lac Tonlé Sap.</t>
  </si>
  <si>
    <t>27:55:00:00</t>
  </si>
  <si>
    <t>28:40:00:00</t>
  </si>
  <si>
    <t>29:25:00:00</t>
  </si>
  <si>
    <t>15/11/2020</t>
  </si>
  <si>
    <t>N0028217</t>
  </si>
  <si>
    <t>L'incroyable Dr Pol : La clinique du bizarre</t>
  </si>
  <si>
    <t>The Incredible Dr. Pol</t>
  </si>
  <si>
    <t>Dr. Strangeglove</t>
  </si>
  <si>
    <t xml:space="preserve">L'équipe du cabinet vétérinaire Pol enchaîne les cas difficiles. Avec plus de 19 000 clients, il n'est pas rare que les vétérinaires soient confrontés à des cas qu'ils n'ont jamais vu. Le Dr Pol supervise ces interventions peu courantes : il trouve ainsi une façon d'enlever un carcinome pénien de manière non invasive à un cheval, et conseille un client sur la manière de soigner son canard qui souffre d'un prolapsus pénien. Dr Brenda est elle aussi occupée : elle traite une hernie sur un cochon et un beagle qui souffre d'un polype vaginal. Dr Emily, la nouvelle recrue de la clinique n'est pas en reste. Elle soigne une caillette déplacée sur une vache laitière, traite un cheval à la langue tordue et aide à mettre bas un veau malformé qui n'a pas d'anus. Tout cela en une journée de travail chez Pol Vet Services !
</t>
  </si>
  <si>
    <t>N0028218</t>
  </si>
  <si>
    <t>L'incroyable Dr Pol : Cache-cache</t>
  </si>
  <si>
    <t>Cowhide and Seek</t>
  </si>
  <si>
    <t xml:space="preserve">Fugueurs, aventuriers, professionnels de l'évasion – quelle mouche a piqué les animaux de la ville ? Dr Pol est d'abord appelé pour récupérer deux taureaux fugueurs qui se sont rendus dans la ferme de Tom Knoll. À l'autre bout de la ville, Dr Emily fait face à une situation d'urgence : une vache met bas, et elle doit repositionner le veau pour le faire sortir. Elle doit se dépêcher pour réussir à sauver la mère et son petit. Plus tard, à la clinique, Dr Brenda aide Miss Kitty, dont le problème contrarie son jeune maître. À la maison, Athena et Donar décident de s'échapper – pourra-t-on les stopper ? Charles réussira-t-il à gérer ces Danes aventureux ? Entre des frasques canines, des taureaux en liberté et une tentative de fuite de chatons, les Pol sont très occupés !
</t>
  </si>
  <si>
    <t>N0028236</t>
  </si>
  <si>
    <t>Urgences Animales : Un tigre au bloc</t>
  </si>
  <si>
    <t>Animal ER</t>
  </si>
  <si>
    <t>Tiger Emergency</t>
  </si>
  <si>
    <t xml:space="preserve">Aujourd’hui est une première à la Clinique GCVS. Nia, un tigre blanc du Bengale âgé de 6 ans, va subir une hystérectomie pour retirer son utérus et ses ovaires. Des complications vont survenir durant l’opération, et cela nécessitera beaucoup d’efforts de la part de l’équipe chirurgicale pour la maintenir en vie jusqu’à la fin. Harley, un chiot thérapeutique pour une petite fille, dont la patte est cassée, a une vis fixée dans l’os pour l’aider à récupérer plus rapidement. Spirit la Perruche nymphique se bat difficilement contre une grosseur dans la gorge. Et un croisement de labrador, Duchess, âgée de 9 ans, subit une opération délicate consistant à retirer une grosseur près de son cerveau qui lui sauvera la vie. 
</t>
  </si>
  <si>
    <t>P0853498</t>
  </si>
  <si>
    <t>Les espaces sauvages d'Amérique : Les joyaux de Canyonlands</t>
  </si>
  <si>
    <t>America's Wild Spaces</t>
  </si>
  <si>
    <t>Jewels of The Canyonlands</t>
  </si>
  <si>
    <t>00:22</t>
  </si>
  <si>
    <t>Le parc national de Canyonlands incarne le joyau méconnu des grands espaces américains. Ce paysage désolé est composé de plus de 120 000 hectares d’étendues désertiques, de points culminants, de hauts plateaux et de canyons saisissants. Mais ces terres à la beauté sauvage sont bien plus qu’une simple carte postale, elles sont un véritable livre d’histoire qui retrace les forces géologiques à l’origine de leur création, les prémices de la vie sur Terre et les premiers hommes, les cow-boys et les criminels du Far West. Si Canyonlands apparaît figé ou dénué de vie, observez attentivement : la vie surgit là où on l’attend le moins.</t>
  </si>
  <si>
    <t>P0873046</t>
  </si>
  <si>
    <t>Destination Wild : Les merveilles de la Chine - Les fantômes de la forêt</t>
  </si>
  <si>
    <t>The Hidden Kingdoms of China</t>
  </si>
  <si>
    <t>Ghosts of the Mountain</t>
  </si>
  <si>
    <t>Au cœur de montagnes reculées, à environ 5 000 mètres d’altitude, les espèces sauvages les plus résilientes de Chine se battent quotidiennement pour leur survie. Suivez les traces d’un léopard des neiges, tandis qu’il enseigne à son héritier quelques leçons de vie. Observez une famille de renards du Tibet protéger sa progéniture contre un redoutable prédateur félin. Admirez l’agilité avec laquelle l’un des plus petits chats au monde avance à pas feutrés.</t>
  </si>
  <si>
    <t>P0873047</t>
  </si>
  <si>
    <t>Destination Wild : Les merveilles de la Chine - Au cœur de la jungle secrète</t>
  </si>
  <si>
    <t>Realm of The Secret Jungle</t>
  </si>
  <si>
    <t>Lieu unique en Chine, les jungles du sud du Yunnan abritent une biodiversité sans pareil. Des primates aux ours, des chauves-souris bouledogues aux abeilles en passant par les éléphants et les chenilles, retracez l’histoire de ces animaux fascinants. Malgré des ressources abondantes, chaque espèce doit trouver le moyen de s’épanouir afin d’assurer sa survie. Découvrez les étonnantes adaptations auxquelles ont eu recours ces créatures, dont certaines apparaîtront pour la première fois à l’écran.</t>
  </si>
  <si>
    <t>P0873043</t>
  </si>
  <si>
    <t>Destination Wild : Les merveilles de la Chine - Le royaume des géants</t>
  </si>
  <si>
    <t>Empire of Giants</t>
  </si>
  <si>
    <t>La forêt de bambous chinoise renferme bien des mystères et des surprises… Le légendaire panda géant, le panda roux et le macaque du Tibet y ont élu domicile aux côtés de créatures extraordinaires telles que des mantes exotiques, des chauves-souris et des crapauds à moustache. Toutes ces espèces ont su faire preuve d’ingéniosité afin de survivre au milieu de ces herbes immenses.</t>
  </si>
  <si>
    <t>P0873048</t>
  </si>
  <si>
    <t>Destination Wild : Les merveilles de la Chine - Terres hostiles</t>
  </si>
  <si>
    <t>Surviving the Ancient Grasslands</t>
  </si>
  <si>
    <t>Frappées par des tempêtes violentes et imprévisibles tout au long de l’année, les immenses prairies de Chine se révèlent peu propices à la vie. Afin d’assurer leur survie, les habitants doivent savoir s’adapter et faire preuve de résilience. Durant la brève période estivale, ils mènent une course contre la montre pour élever leurs petits avant l’arrivée de l’automne.</t>
  </si>
  <si>
    <t>N0028219</t>
  </si>
  <si>
    <t>L'incroyable Dr Pol : Dr « Répare-Tout »</t>
  </si>
  <si>
    <t>Dr. Fix-It-All</t>
  </si>
  <si>
    <t xml:space="preserve">Une semaine chargée s'annonce pour Dr Pol, à la clinique comme à la maison. Les clients ont décidé de prendre leurs problèmes en main, ce qui fait que les vétérinaires doivent repasser derrière eux pour corriger leurs erreurs. Dr Brenda s'occupe de Cash, un bébé bouvier australien hyperactif dont les maîtres ont tenté de le soulager de sa patte cassé en fabriquant une attelle maison. Dr Pol découvre que ses clients ont de l'imagination : l'un d'entre eux a tenté de soigner la babine entaillée de son chiot Buddy avec de la colle. Pendant ce temps, Dr Brenda rectifie les points de suture fait maison de Sadie, un chien de chasse : l'enjeu est de taille. Comme s'ils n'étaient pas assez occupés à la clinique, Dr Pol, Diane et Charles décident de faire des travaux dans leur maison au bord du lac. Les Pol ne prennent pas de jours de congé... et ils aiment ça !
</t>
  </si>
  <si>
    <t>P0738874</t>
  </si>
  <si>
    <t>L'incroyable Dr Pol : Dr Pol à la rescousse</t>
  </si>
  <si>
    <t>Hook, Feline and Sinker</t>
  </si>
  <si>
    <t xml:space="preserve">Entre des chèvres boîteuses et des taureaux agressifs, les familles de la région comptent sur le cabinet vétérinaire Pol pour s'occuper de leurs bêtes cet été. Le premier patient de la journée est un adorable chiot qui s'est un peu trop approché du matériel de la ferme. Après quelques points de suture par le Dr Pol, il pourra retourner jouer avec ses maîtres en un rien de temps ! Plus tard, la jeune Novalie arrive avec son père et sa chatte, Princess. Curieuse, elle s'est plantée un crochet de pêcheur dans la patte – le docteur viendra-t-il au secours de cette princesse en détresse ? Plus tard dans la semaine, toute l'équipe se rassemble pour venir en aide à Willie la chèvre. Willie semble s'être tordue le cou, ce qui peut également cacher une maladie beaucoup plus grave. Pendant tout ce temps, Charles s'est occupé de son nouveau bébé – un petit poussin appelé Drogo. Avec l'aide du Dr Pol, Charles ressemble de plus en plus à son père : il possède désormais son propre troupeau. 
</t>
  </si>
  <si>
    <t>N0024047</t>
  </si>
  <si>
    <t>Votre chien est-il un génie?</t>
  </si>
  <si>
    <t>Is Your Dog A Genius?</t>
  </si>
  <si>
    <t>Doggy See, Doggy Do</t>
  </si>
  <si>
    <t>Votre chien est-il un génie ? Ou est-ce vous qui lui avez tout appris ? Les chiens sont capables d'exploits mais savez-vous quelle part de ces capacités est liée à la relation que vous entretenez avec lui ? Les recherches du Dr Hare vous aident à comprendre l'esprit canin  et à mieux connaître votre chien.</t>
  </si>
  <si>
    <t>16/11/2020</t>
  </si>
  <si>
    <t>N0025513</t>
  </si>
  <si>
    <t>Au coeur des parcs nationaux d'Amérique : Les monts Great Smoky</t>
  </si>
  <si>
    <t>America's National Parks</t>
  </si>
  <si>
    <t>Great Smoky Mountains</t>
  </si>
  <si>
    <t>Germany</t>
  </si>
  <si>
    <t>Le parc national des Great Smoky Mountains possède de vastes forêts, des prairies verdoyantes, et un kaléidoscope de couleurs automnales. À la fois dynamique et mystique, la beauté de ces montagnes inspire la fascination, la curiosité et l'émerveillement. Si la Terre du Milieu existait dans notre monde, ce serait là. La brume voilant les sommets des montagnes tout au long de l'année leur a valu leur nom et leur image emblématique. Grâce à cette fumée pérenne, une diversité stupéfiante de flore et de faune prospère. Avec l'arrivée du printemps, les dindons rivalisent pour attirer l'attention des femelles, déployant tout un arsenal de techniques fanfaronnes et décomplexées pour montrer leur vigueur.  Après un long sommeil, un mâle crotale des bois sort de sa tanière. Au plus profond des nuits d'été, la forêt scintille des lueurs d'un million de lucioles. Pourtant, la vie dans les Smoky Mountains est souvent loin d'être facile. Dans les collines et aux creux des montagnes, les cerfs mâles se battent pour une éventuelle partenaire. Pas si loin, des dindons sauvages mènent une vendetta.  Quelque part dans la forêt, une mère ours noir fait son possible pour protéger ses petits des prédateurs affamés. À travers la vie des créatures qui peuplent ces montagnes, on comprend toute l'ingéniosité de la nature : les gobe-mouches utilisent la peau de serpent comme répulsif à écureuil pour protéger leur nid, tandis que les souris sylvestres sèment les graines de cerisiers dans le parc. Comme ils le disent, pas de fumée sans feu. Rejoignez-nous, où la magie se produit, dans les Great Smoky Mountains.</t>
  </si>
  <si>
    <t>P0710519</t>
  </si>
  <si>
    <t>Au coeur des parcs nationaux d'Amérique : Olympique</t>
  </si>
  <si>
    <t>Olympic</t>
  </si>
  <si>
    <t>Au milieu des vastes étendues de l'Océan Pacifique se dessine la péninsule olympique. Son littoral accidenté, ses forêts tropicales inondées, et ses hautes montagnes font équipe avec la faune. Là, les familles d'orques, certains des mammifères marins les mieux étudiés dans le monde, chassent le long des côtes ; les poissons de haute mer remontent à la surface pour frayer dans les eaux peu profondes ; les lions de mer et les otaries se délectent des ressources généreuses de la péninsule. Les ours noirs, friands de fruits de mer, cherchent les crabes dans les rochers à marée basse. Dans les colonies d'oiseaux de mer, les pygargues à tête blanche chassent avec habileté les poussins comme les adultes. La forêt tropicale de la péninsule est l'une des forêts les plus productives au monde. Son climat toujours doux attire des troupeaux de wapitis de Roosevelt. Leur travail de grignotage est équilibré par celui de l'écureuil de Douglas qui, en stockant ses provisions pour l'hiver, replante sans le savoir la forêt. Les sommets et les glaciers de la crête Hurricane sont le royaume des marmottes, qui jouissent de la générosité de l'été avant de disparaître sous terre pendant la période froide de l'année. Tout cela fait de la péninsule olympique l'un des parcs nationaux les plus diversifiés en Amérique du Nord.</t>
  </si>
  <si>
    <t>N0015191</t>
  </si>
  <si>
    <t>Les zarbis : Stars du bizarre</t>
  </si>
  <si>
    <t>World's Weirdest</t>
  </si>
  <si>
    <t>Freaky All-Stars</t>
  </si>
  <si>
    <t xml:space="preserve">Cet épisode réunit toutes les vedettes du monde bizarre des animaux. Ils déménagent, ils se remuent, ce sont des filous, des bagarreurs, des tueurs, de vrais phénomènes de foire ! Faites la connaissance d'un crapaud qui explose, de bébés koalas qui se régalent des déjections de leur mère et des oisillons qui vomissent sur toutes les menaces qui s'approcheraient de trop près de leur nid ! Bref, une journée tout à fait normale au pays des zarbis ! Les techniques de drague aussi sont particulières chez ces animaux étranges et les chameaux approchent leurs dulcinées la gueule pleine de bave pour les séduire. Cet épisode regroupe le plus bizarre du bizarre du monde animal, et vous n'êtes pas au bout de vos surprises ! </t>
  </si>
  <si>
    <t>10:15:00:00</t>
  </si>
  <si>
    <t>11:00:00:00</t>
  </si>
  <si>
    <t>11:45:00:00</t>
  </si>
  <si>
    <t>P0948364</t>
  </si>
  <si>
    <t>Dr T, vétérinaire du Texas : Un problème de taille</t>
  </si>
  <si>
    <t>Dr. T Lone Star Vet</t>
  </si>
  <si>
    <t>Big Bird, Big Problem</t>
  </si>
  <si>
    <t>Pas une minute de répit au cabinet ! Dans cet épisode, le Dr T. prend sous son aile un énorme oiseau au problème non moins énorme, deux lémuriens sauteurs en proie à une rivalité fraternelle et un adorable hérisson qui présente plusieurs bosses mystérieuses. Alors entre la vie et la mort, un charmant cacatoès est transféré aux urgences à toute vitesse.</t>
  </si>
  <si>
    <t>12:30:00:00</t>
  </si>
  <si>
    <t>P0873168</t>
  </si>
  <si>
    <t>L'incroyable Dr Pol : Un émeu fugueur</t>
  </si>
  <si>
    <t>Here, There, Emu-Where</t>
  </si>
  <si>
    <t>10 vaches agressives potentiellement gravides donnent le coup d’envoi de cette semaine. L’un des frisons du Dr Pol peine à marcher. Après avoir brièvement égaré le cheval, Dr Pol et Charles unissent leurs forces pour trouver les causes de sa mystérieuse blessure. S’ensuit alors une course-poursuite effrénée lorsque l’un des émeus du vétérinaire s’échappe de son enclos. Mais les aventures hebdomadaires ne s’arrêtent pas là ! Entre les petits chiens, les chevreaux et les chatons au poil soyeux, l’équipe en voit de toutes les couleurs.</t>
  </si>
  <si>
    <t>13:10:00:00</t>
  </si>
  <si>
    <t>N0028270</t>
  </si>
  <si>
    <t>Wild Winter</t>
  </si>
  <si>
    <t>Wild Winter, 1</t>
  </si>
  <si>
    <t xml:space="preserve">L'hiver est là. Préparés ou non, les petits animaux comme les plus grands font face à la saison la plus difficile et impitoyable de la planète. Certains se raccrochent à la vie, tandis que d'autres saisissent des opportunités sur la glace. Dans ce documentaire d'une heure, les animaux sauvages du monde entier se battent de manière acharnée contre le froid pour tenter de survivre à l'hiver.
</t>
  </si>
  <si>
    <t>14:00:00:00</t>
  </si>
  <si>
    <t>P0879684</t>
  </si>
  <si>
    <t>Mission spéciale : Les animaux du grand froid</t>
  </si>
  <si>
    <t>Wild_life: The Big Freeze</t>
  </si>
  <si>
    <t>Wild_life: The Big Freeze, 1</t>
  </si>
  <si>
    <t>Le reporter animalier Bertie Gregory se rend aux confins de l’Arctique canadien, à la rencontre d’un groupe d’animaux résilients ayant réussi à tirer profit de cet environnement extrême. Tandis que le retour du gel se fait attendre, notre aventurier assiste à des scènes extraordinaires, notamment à un rendez-vous inédit entre des ours polaires et des loups. Afin de s’approcher des espèces sauvages du territoire, il brave les températures glaciales et en sera récompensé, puisqu’il pourra observer au plus près la première baignade d’un bébé phoque du Groenland.</t>
  </si>
  <si>
    <t>14:45:00:00</t>
  </si>
  <si>
    <t>P0837368</t>
  </si>
  <si>
    <t>Destination Wild : Arctique - Îles de glace et de feu</t>
  </si>
  <si>
    <t>Wild Arctic</t>
  </si>
  <si>
    <t>Islands of Ice And Fire</t>
  </si>
  <si>
    <t>Entre un ours polaire aux prises avec la fonte des glaces et une chenille résistante au gel dont l’évolution en chrysalide demande plus de 10 ans, les îles arctiques repoussent les limites des animaux. Dans l’océan Arctique, l’hiver est synonyme de complète obscurité. Durant cette saison, les îles sont emprisonnées dans 26 millions de kilomètres carrés de banquise. À l’inverse, le soleil ne se couche jamais en été, entraînant une importante fonte des glaces et libérant les îles reculées de la banquise, dont les côtes voient alors affluer d’immenses colonies d’oiseaux et de nombreux mammifères marins.</t>
  </si>
  <si>
    <t>15:30:00:00</t>
  </si>
  <si>
    <t>P0837367</t>
  </si>
  <si>
    <t>Destination Wild : Arctique - La forêt de glace</t>
  </si>
  <si>
    <t>The Frozen Forest</t>
  </si>
  <si>
    <t>Constituée d’un billion d’arbres, la forêt boréale recouvre la planète entière. L’hiver, cette forêt de glace n’est autre qu’une terre glaciaire silencieuse et désolée, où la plupart des formes de vie se tapissent sous un épais manteau de neige. Certaines espèces ont toutefois mis au point des tactiques ingénieuses afin de survivre aux hivers rigoureux de cette forêt polaire. L’été voit affluer de nombreux animaux : ours, loups et colibris surgissent, avides de prendre part à un gigantesque festin.</t>
  </si>
  <si>
    <t>16:15:00:00</t>
  </si>
  <si>
    <t>P0837366</t>
  </si>
  <si>
    <t>Destination Wild : Arctique - Désert de glace</t>
  </si>
  <si>
    <t>Desert of Ice</t>
  </si>
  <si>
    <t>À l’extrême Nord de notre planète, les étendues arides et implacables de la toundra arctique s’étirent sur des kilomètres de glace qui relient l’Asie, l’Europe et l’Amérique. Ces terres désolées abritent une multitude d’animaux fascinants aux capacités d’adaptation uniques leur permettant de survivre aux conditions extrêmes de ce biome. Du plus grand prédateur terrestre aux plantes carnivores, seules les espèces les plus résilientes survivront.</t>
  </si>
  <si>
    <t>17:00:00:00</t>
  </si>
  <si>
    <t>N0020208</t>
  </si>
  <si>
    <t>Les zarbis : Régime particulier</t>
  </si>
  <si>
    <t>Freaky Eats</t>
  </si>
  <si>
    <t>Choquant ... dérangeant ... dégoûtant. Ce sont les mots qui nous viennent à l'esprit lorsqu'animaux et humains choisissent comme repas des " aliments " pour le moins inattendus. Du serpent mangeur de crocodiles aux étranges spécialités locales,  il arrive que certains soit prêts à tout pour se nourrir...</t>
  </si>
  <si>
    <t>18:00:00:00</t>
  </si>
  <si>
    <t>18:55:00:00</t>
  </si>
  <si>
    <t>Dr. Oakley: Yukon Vet</t>
  </si>
  <si>
    <t>Rescuers Down Under (90 Min Version)</t>
  </si>
  <si>
    <t>La vétérinaire Michelle Oakley revient pour une 6e saison au chevet des animaux, domestiques comme sauvages.</t>
  </si>
  <si>
    <t>P0837369</t>
  </si>
  <si>
    <t>Michelle ou la vie sauvage : Le déménagement des bisons</t>
  </si>
  <si>
    <t>Bison Business</t>
  </si>
  <si>
    <t>Le temps est compté pour la docteure Oakley, aux prises avec un troupeau de bisons qui doit déménager. D’énormes bêtes de somme compliquent une procédure d’ordinaire très simple. Lucy le pitbull perd l’équilibre à cause de la glace. Suite à un traumatisme crânien, le pronostic vital d’un pygargue à tête blanche est engagé, tandis que les griffes bouclées d’un chat déconcertent la vétérinaire.</t>
  </si>
  <si>
    <t>P0837370</t>
  </si>
  <si>
    <t>Michelle ou la vie sauvage : Le défilé des animaux</t>
  </si>
  <si>
    <t>The Riddle of The Lynx</t>
  </si>
  <si>
    <t>Après une journée intense, un yorkshire femelle enceinte du nom de Dixie nécessite une césarienne d’urgence, maintenant le Dr Oakley en éveil toute la nuit. Mais la vétérinaire n’est pas au bout de ses surprises : à la naissance des chiots, son travail ne fait que commencer. Un lynx détient des informations précieuses, pendant qu’un mustang souffre d’un abcès au sabot qui risque de faire tomber la docteure. Ses prochains patients : des furets et un pygargue à tête blanche en passe de développer une synovite plantaire.</t>
  </si>
  <si>
    <t>N0020383</t>
  </si>
  <si>
    <t>Un monde mortel : Les animaux se déchaînent</t>
  </si>
  <si>
    <t>World's Deadliest Killers</t>
  </si>
  <si>
    <t>Animal Rampage</t>
  </si>
  <si>
    <t>Il y a des endroits sur la planète où il vaut mieux ne pas s'aventurer...sous peine de ne pas en ressortir vivant ! Dans certains pays, une simple promenade dans la rue peut vous amener nez à nez avec un éléphant en furie, qui n'a qu'une seule chose en tête : vous tuer ! Un safari ou une simple baignade peut se transformer en cauchemar pour celui qui aura la malchance de croiser le chemin de ces animaux, qui vous prendront pour cible...Découvrez des attaques filmées à couper le souffle, qui vous feront voir d'un autre oeil certains animaux !</t>
  </si>
  <si>
    <t>N0020348</t>
  </si>
  <si>
    <t>Un monde mortel : Chasseurs de nuit</t>
  </si>
  <si>
    <t>Night Stalkers</t>
  </si>
  <si>
    <t>Dans les coins les plus sombres, les prédateurs attendent avec impatience l'arrivée de leur prochaine proie. Avec leurs sens nocturnes hyper-développés -  la vision de nuit ou l'ouïe hypersensible - ces créatures sont faites pour chasser dans l'obscurité. Les léopards se cachent dans les arbres pour mieux attraper leur proie, les diables de Tasmanie sont capables de dévorer une carcasse en entier, alors un conseil : ne vous aventurez pas sur le terrain de ces prédateurs durant la nuit...</t>
  </si>
  <si>
    <t>P0810458</t>
  </si>
  <si>
    <t>Un monde mortel : Tempête tropicale</t>
  </si>
  <si>
    <t>World's Deadliest Compilations</t>
  </si>
  <si>
    <t>Tropic Thunder</t>
  </si>
  <si>
    <t>Sous les tropiques du monde entier, de dangereux prédateurs attendent tapis dans l’ombre l’approche d’une proie peu méfiante. De l’Amérique du Sud à l’Afrique et l’Asie, des prédateurs arracheurs de tête guettent patiemment leur repas.</t>
  </si>
  <si>
    <t>17/11/2020</t>
  </si>
  <si>
    <t>N0025514</t>
  </si>
  <si>
    <t>Au coeur des parcs nationaux d'Amérique : Aux portes de l'Arctique</t>
  </si>
  <si>
    <t>Gates of The Arctic</t>
  </si>
  <si>
    <t>Chaînes de montagnes enneigées, grizzlys géants pêchant le saumon et  élans se promenant dans les étendues naturelles sans fin, c'est l'Alaska. Les endroits comme le parc national de Denali sont célèbres dans le monde entier mais le nord de l'Alaska reste peu connu. Au-delà des sommets escarpés de la chaîne de Brooks se trouvent la vaste toundra du versant Nord et le parc national le plus inaccessible d'Amérique: " Les portes de l'Arctique ", 34 287 km2 de nature sauvage coupés de toute civilisation et traversés par des troupeaux de caribous géants. C'est le seul endroit sur Terre où les grizzlis peuvent vivre aussi paisiblement. Mais le climat du nord de l'Alaska est extrême. Les hivers longs et rigoureux ont entraîné des adaptations très spéciales dont le meilleur exemple est sans doute celui du gaufre qui, durant l'hibernation, est capable de faire passer la température de son corps en dessous de zéro ! Le nord du parc national de la "Porte de l'Arctique " se termine par une gigantesque plaine qui atteint la côte arctique de l'Alaska. C'est là que les ours polaires passent l'été, attendant que les eaux gèlent pour enfin atteindre à nouveau leurs territoires de chasse. Ils sont les vrais maîtres de l'Arctique américain.</t>
  </si>
  <si>
    <t>P0947217</t>
  </si>
  <si>
    <t>Dr T, vétérinaire du Texas : Lapin aux urgences</t>
  </si>
  <si>
    <t>Bunny 911</t>
  </si>
  <si>
    <t>Dans cet épisode, un magnifique ara rouge appelle le Dr T. à la rescousse pour le soulager de démangeaisons et deux adorables bébés phalangers volants viennent passer leur toute première visite médicale. En parallèle, un lézard à barbe aux goûts de luxe doit être freiné dans sa gourmandise s’il souhaite survivre et un lapin géant à l’agonie est transféré en hâte aux urgences.</t>
  </si>
  <si>
    <t>N0013518</t>
  </si>
  <si>
    <t>Les secrets du cobra royal</t>
  </si>
  <si>
    <t>Secrets of The King Cobra</t>
  </si>
  <si>
    <t>Secrets of The King Cobra, 1</t>
  </si>
  <si>
    <t>En Inde, un animal mortellement dangereux vit en liberté parmi la population locale : le cobra royal. Cet animal redoutable est le plus grand serpent venimeux du monde. Considéré comme le plus intelligent de son espèce, il est très agile, imprévisible, et peut attaquer à tout moment. Une équipe de scientifiques indiens part à sa rencontre afin de l'étudier de plus près.</t>
  </si>
  <si>
    <t>P0756748</t>
  </si>
  <si>
    <t>Chasseur de serpents : Philippines</t>
  </si>
  <si>
    <t>Ten Deadliest Snakes</t>
  </si>
  <si>
    <t>Phillipines</t>
  </si>
  <si>
    <t xml:space="preserve">Les 7 000 îles des Philippines abritent plus de 25 000 espèces que l'on ne retrouve nulle part ailleurs. Avec presque 180 serpents, il n’a que l’embarras du choix pour son top 10. Nigel part en expédition dans des montagnes recouvertes de jungles, des rizières luxuriantes et des rivières souterraines vierges. Il est à la recherche d'un serpent de mer à la morsure fatale, et du cobra le plus venimeux au monde. En chemin, il rencontre l'aigle le plus grand du monde, un gecko qui s'accroche et des frères qui sauvent la vie des fermiers de la région.
</t>
  </si>
  <si>
    <t>P0756743</t>
  </si>
  <si>
    <t>Chasseur de serpents : Brésil</t>
  </si>
  <si>
    <t>Brazil</t>
  </si>
  <si>
    <t xml:space="preserve">Des zones humides du Rio Grande à la forêt vierge d'Amazonie, le Brésil abrite des serpents mortels et Nigel compte bien les trouver tandis qu'il décompte son top 10. Le Bothrops insularis, dont on dénombre seulement quelques centaines de spécimens, vit exclusivement sur la minuscule Île aux Serpents. Mais peut-il détrôner le Jararaca, qui est responsable de nombreuses morsures sur l'homme ? Avec plus de 25 000 morsures signalées à travers le pays chaque année, Nigel plonge dans les techniques scientifiques fascinantes, destinées aux traitements anti-venin, et qui peuvent sauver des milliers de vies. 
</t>
  </si>
  <si>
    <t>P0758812</t>
  </si>
  <si>
    <t>Chasseur de serpents : Mexique</t>
  </si>
  <si>
    <t>Mexico</t>
  </si>
  <si>
    <t xml:space="preserve">Le Mexique abrite 400 espèces de serpents incroyables, dont un cinquième sont venimeuses. Nigel cherche en haute et basse altitude pour son top 10, entre les forêts anciennes de chênes et de pins, et les immenses cactus du désert brûlant du Mexique. Les serpents à sonnette dominent le paysage, mais le Fer de lance centro-américain et le sublime Agkistrodon taylori sont également en lice pour la première place. Mais les serpents ne sont pas les seuls à mordre – Nigel fait une rencontre douloureuse avec un lézard à la mâchoire en étau. 
</t>
  </si>
  <si>
    <t>P0756740</t>
  </si>
  <si>
    <t>Chasseur de serpents : Moyent-Orient</t>
  </si>
  <si>
    <t>Arabia</t>
  </si>
  <si>
    <t>Survivre dans le désert brûlant d'Oman et aux Emirats Arabes Unis n'est pas chose facile. Les serpents qui y vivent se sont très bien adaptés et Nigel met ses compétences à l'épreuve pour trouver son top 10. Le venin puissant et les réflexes rapides comme l'éclair de l'échide feront-ils le poids face à l'attaque à reculons de la vipère heurtante ?</t>
  </si>
  <si>
    <t>N0020209</t>
  </si>
  <si>
    <t>Les zarbis : Curiosités de la nature</t>
  </si>
  <si>
    <t>Oddities</t>
  </si>
  <si>
    <t>Animaux étranges, mutations surprenantes... préparez-vous à voir des choses dont vous n'aurez jamais soupçonné l'existence ! Simples anomalies de la nature ou monstruosités, à vous de vous faire votre propre opinion. Découvrez une sélection d'étonnantes espèces victimes d'une nature qui fait des siennes.</t>
  </si>
  <si>
    <t>P0898304</t>
  </si>
  <si>
    <t>Snakes In The City : Terreur à la maternelle</t>
  </si>
  <si>
    <t>Kindergarten Terror</t>
  </si>
  <si>
    <t>Dans cet épisode, Sioux se retrouve nez à nez avec un mamba vert, Simon manque d’être mordu par un mamba noir et nos deux compères capturent deux étranges serpents qui n’ont rien à faire à Durban.</t>
  </si>
  <si>
    <t>P0898305</t>
  </si>
  <si>
    <t>Snakes In The City : Terreur dans un quartier résidentiel</t>
  </si>
  <si>
    <t>Housing Estate Horror</t>
  </si>
  <si>
    <t>Dans cet épisode, un gigantesque mamba noir se cache sous l’évier d’une cuisine. Simon déchire un canapé pour débusquer un serpent cracheur et grimpe à un arbre afin de capturer un serpent très venimeux de l’espèce Ahaetulla nasuta.</t>
  </si>
  <si>
    <t>P0814140</t>
  </si>
  <si>
    <t>Snakes In The City : L’invasion des mambas</t>
  </si>
  <si>
    <t>Snake City Compilations</t>
  </si>
  <si>
    <t>Mamba Hotline</t>
  </si>
  <si>
    <t>À Durban, en Afrique du Sud, la saison des serpents bat son plein. L’attrapeur de serpents de rue Simon Keys et sa petite amie herpétologiste Siouxsie Gillett viennent chaque été à la rescousse de cette ville où résonnent des cris d’horreur. À l’arrivée des fortes chaleurs, des serpents venimeux mortels se faufilent dans les maisons, les bureaux et les usines depuis les parcelles sauvages environnantes. Si la jungle a disparu, ce n’est pas le cas des serpents ! Presque tous les serpents les plus dangereux d’Afrique se réunissent dans cette ville qui compte deux millions et demi d’habitants et presque autant de ces reptiles. Pris de peur, les résidents tentent généralement de tuer ces serpents envahisseurs. L’objectif de Simon et de Siouxsie est de leur mettre la main dessus et de les relâcher dans la nature. En prime, ils sauveront quelques vies humaines au passage.</t>
  </si>
  <si>
    <t>N0026727</t>
  </si>
  <si>
    <t>Snakes In The City : Panique en ville</t>
  </si>
  <si>
    <t>Panic In The Streets</t>
  </si>
  <si>
    <t xml:space="preserve">Dans cet épisode de Snake City, Simon et Siouxsie sont réveillés par l'appel d'une communauté paniquée par un très gros serpent visitant leur village et dévorant leur bétail. Un seul serpent est capable de s'attaquer à des grands mammifères, il s'agit du Python de Seba. Simon et Siouxsie sont nerveux. Un serpent de cette taille, capable de tuer un petit enfant, est une menace considérable pour une communauté. Simon a peur que les habitants effrayés du village ne tentent de prendre les choses en main et d'attraper le serpent, ou pire encore, qu'ils le tuent. Ils savent donc qu'ils doivent se préparer à toutes les issues possibles. Ce que Simon et Siouxsie ne savent pas, c'est que cette mission va s'avérer être l'une des expériences les plus étranges et les plus inhabituelles jamais rencontrées car le serpent n'est pas la seule chose qui les attend. </t>
  </si>
  <si>
    <t>N0011744</t>
  </si>
  <si>
    <t>Prédateurs de la Préhistoire : Le requin monstre</t>
  </si>
  <si>
    <t>Prehistoric Predators</t>
  </si>
  <si>
    <t>Monster Shark</t>
  </si>
  <si>
    <t>00:47</t>
  </si>
  <si>
    <t>Le mégalodon : si l'espèce est aujourd'hui éteinte, il reste néanmoins le plus grand prédateur ayant évolué dans les océans du monde. Pendant 20 millions d'années, ce gigantesque squale de 50 tonnes, doté d'une mâchoire de plus de 3 mètres de large, dont certaines dents mesuraient jusqu'à 20 cm, a terrorisé les créatures marines de l'Océan Indien aux côtes de l'Amérique du Sud et du Nord. Même les baleines géantes de l'époque craignaient ce prédateur impitoyable. Aujourd'hui, près de 2 millions d'années après que le mégalodon ait disparu des océans, les scientifiques tentent de reconstituer une maquette de ce requin fantastique.</t>
  </si>
  <si>
    <t>P0811197</t>
  </si>
  <si>
    <t>Un monde mortel : Les rois nordiques</t>
  </si>
  <si>
    <t>Kings of The North</t>
  </si>
  <si>
    <t>Aucun lieu n’est à l’abri dans ces territoires du Nord truffés d’animaux menaçants. Tapis dans les moindres recoins, ils sont prêts à bondir sur tout ce qui pourra leur servir de repas. Restez sur vos gardes car le danger s’étend bien au-delà de ces prédateurs !</t>
  </si>
  <si>
    <t>18/11/2020</t>
  </si>
  <si>
    <t>N0025515</t>
  </si>
  <si>
    <t>Au coeur des parcs nationaux d'Amérique : Saguaro</t>
  </si>
  <si>
    <t>Saguaro</t>
  </si>
  <si>
    <t>Sous la chaleur harassante du soleil d'Arizona se dressent les cactus saguaros, leurs bras levés dans une posture royale. Ces "rois du désert " dominent une étendue aride de près de 400 kilomètres carrés, imperturbables aux sécheresses, à la foudre qui déchire le ciel, aux vents de Banshee et surtout au soleil perpétuellement brûlant. Ils sont les fiers occupants du parc national Saguaro, véritable enfer incandescent. Figurant parmi les plus récents des parcs nationaux américains, le Saguaro est le premier monument national dédié à la protection d'une espèce végétale particulière. Si son emblème est sans surprise le cactus Saguaro, il abrite bien d'autres espèces animales et végétales. Le Pécaris est un citoyen particulièrement bien connu de ce torride royaume. Originaire d'Amérique du Sud, le pécaris a migré vers le sud de l'Arizona il y a une centaine d'année. En dépit de leur ressemblance avec les sangliers, ils ne sont pas étroitement liés. Plus reclus, le serpent à sonnette préfère vivre dans les crevasses ou sous les rochers.  Au début du printemps, lorsque le soleil dessèche le sol, ils prennent des bains de soleil. Efficaces et sans pitiés, les crotales disposent d'un second système visuel en plus de leurs yeux. Ils utilisent la vision thermique pour chasser leurs proies dans l'obscurité totale. Ces prédateurs ont un rôle essentiel, en gardant le nombre de rats et de souris bas, ils évitent les attaques des rongeurs sur les saguaros. Il semble paradoxal que le paysage célèbre pour sa nature sèche et aride puisse être également connu pour sa faune dynamique. Bienvenue au parc national Saguaro.</t>
  </si>
  <si>
    <t>P0947834</t>
  </si>
  <si>
    <t>Dr T, vétérinaire du Texas : Au secours du chinchilla</t>
  </si>
  <si>
    <t>Pain In The Chinchilla</t>
  </si>
  <si>
    <t>Dans cet épisode, le Dr T. voit défiler de nombreux patients. Un adorable lapin souffre d’une infection respiratoire chronique, un charmant chinchilla n’arrive plus à manger à cause de maux de dents et un varan du Pacifique semble atteint d’une maladie cutanée préoccupante.</t>
  </si>
  <si>
    <t>P0839884</t>
  </si>
  <si>
    <t>L'incroyable Dr Pol : Vive les vaches !</t>
  </si>
  <si>
    <t>I Love Moo!</t>
  </si>
  <si>
    <t>Cette semaine, vaches, chiens et serments sont au rendez-vous dans le centre du Michigan. Pendant qu’un teckel en état de déshydratation est en soins intensifs à la clinique, Dr Emily part soigner un cheval pris de coliques à 50 kilomètres de là. Dr Brenda s’occupe d’une vache qui n’arrive pas à tenir debout et Charles organise une immense surprise pour le cinquantième anniversaire de mariage de ses parents.</t>
  </si>
  <si>
    <t>P0839885</t>
  </si>
  <si>
    <t>L'incroyable Dr Pol : Ligne et hameçon</t>
  </si>
  <si>
    <t>Hook, Line &amp; Lemur</t>
  </si>
  <si>
    <t>Malgré l’arrivée de l’été, les patients continuent d’affluer à la clinique du Dr Pol. Après une semaine bien remplie, les vétérinaires comme leurs amis à fourrure ont bien besoin de repos. Dr Pol profite de cette fin de semaine pour échanger son stéthoscope contre une canne à pêche lors d’une brève escapade au grand large avec Diane.</t>
  </si>
  <si>
    <t>P0846152</t>
  </si>
  <si>
    <t>L'incroyable Dr Pol : Porcelet en péril</t>
  </si>
  <si>
    <t>Grub-A-Dub-Dub</t>
  </si>
  <si>
    <t>Cette semaine à la clinique de l’incroyable Dr Pol, traumatismes et drames sont au programme. Toute l’équipe vétérinaire doit unir ses forces pour sauver la vie d’un porcelet en danger. Mais le personnel de la clinique n’est pas au bout de ses peines : des veaux boursouflés, des chats infestés d’asticots et même un émeu blessé sont au rendez-vous. Dr Emily s’occupe d’un patient pour le moins particulier qu’elle se refuse d’abandonner.</t>
  </si>
  <si>
    <t>P0846172</t>
  </si>
  <si>
    <t>L'incroyable Dr Pol : Surprise surprise !</t>
  </si>
  <si>
    <t>May The Horse Be With You</t>
  </si>
  <si>
    <t>Cette semaine à la clinique du Dr Pol, il sera difficile de ne pas tomber amoureux ! Une nouvelle semaine frénétique bat son plein, entre chats constipés, chevaux ballonnés et jusqu’à une demande surprise… Dr Pol, Dr Brenda et Dr Emily n’ont pas fini d’en voir !</t>
  </si>
  <si>
    <t>P0846174</t>
  </si>
  <si>
    <t>L'incroyable Dr Pol : Accident de renne</t>
  </si>
  <si>
    <t>Doc Got Run Over By A Reindeer</t>
  </si>
  <si>
    <t>À l’arrivée de l’automne dans le Michigan, les feuilles se parent de couleurs et les vétérinaires de la clinique sont toujours pris dans la même routine effrénée. Dr Pol est sur le qui-vive suite à une urgence tardive impliquant un bébé renne. Pendant ce temps, Dr Emily se précipite auprès de Bella le bouledogue qui paraît s’étouffer. C’est Noël avant l’heure pour Dr Brenda qui doit s’occuper d’un troupeau de rennes de père Noël !</t>
  </si>
  <si>
    <t>N0020211</t>
  </si>
  <si>
    <t>Les zarbis : Mauvaises rencontres</t>
  </si>
  <si>
    <t>Sneak Attacks</t>
  </si>
  <si>
    <t>Mauvaises rencontres, agressions surprises et comportements inattendus : quand des animaux habituellement dociles deviennent soudainement sauvages, les dégâts font froid dans le dos. Au mauvais endroit au mauvais moment, se heurter au règne animal peut être terrifiant. Certaines attaques ont été enregistrées par des témoins, alors préparez-vous à avoir la chair de poule !</t>
  </si>
  <si>
    <t>Europe, continent sauvage : Au chevet des ours d’Europe</t>
  </si>
  <si>
    <t>Saving Europe's Bears</t>
  </si>
  <si>
    <t>En Italie et en Croatie, plusieurs mesures destinées à la sauvegarde d’une espèce d’ours rare permettent à de nombreux autres animaux et à divers territoires de prospérer.</t>
  </si>
  <si>
    <t>Europe, continent sauvage : L’Amazonie d’Europe</t>
  </si>
  <si>
    <t>Europe's Amazon</t>
  </si>
  <si>
    <t>Depuis la Forêt-Noire allemande, le Danube poursuit son cours sur 3 000 kilomètres à l’est jusqu’à la mer Noire, où il se divise en centaines de canaux entrelacés qui composent plus de 4 000 kilomètres carrés du delta du Danube. Ce fleuve alimente une multitude d’habitats naturels où vivent plus de 300 incroyables espèces d’oiseaux de milieux humides, plus de 40 espèces de mammifères, ainsi que des centaines d’amphibiens, de poissons et d’insectes. Alors que le delta gagne du terrain sur la mer Noire chaque année, son avenir repose aujourd’hui entre les mains des défenseurs de l’environnement qui œuvrent pour la préservation de ces habitats uniques et fragiles.</t>
  </si>
  <si>
    <t>N0019769</t>
  </si>
  <si>
    <t>Wild West : Le désert aride</t>
  </si>
  <si>
    <t>High Noon</t>
  </si>
  <si>
    <t>Dans le désert du Far West, un groupe de faucons chasse au milieu des cactus. La longue sécheresse laisse finalement place à la pluie et la terre craquelée à des fleurs magnifiques, mais mortelles... Et oui, même dans le désert les plantes sont armées ! L'endroit abrite également un des plus petits hiboux du monde, qui n'est qu'un amuse-bouche pour les coyotes affamés, mais attention, eux aussi peuvent tuer !</t>
  </si>
  <si>
    <t>N0024049</t>
  </si>
  <si>
    <t>Who's Your Doggy?</t>
  </si>
  <si>
    <t>Votre chien peut-il être plus intelligent que vous ? Enfreint-il les règles derrière votre dos ? Le Dr Brian Hare a élaboré une série de tests scientifiques permettant de révéler les stratégies uniques adoptées par votre chien. Découvrez comment améliorer la relation que vous entretenez avec votre animal.</t>
  </si>
  <si>
    <t>N0011745</t>
  </si>
  <si>
    <t>Prédateurs de la Préhistoire : Oiseaux de terreur</t>
  </si>
  <si>
    <t>Terror Raptor</t>
  </si>
  <si>
    <t>Rencontrez les animaux les plus terrifiants de la Préhistoire. Dans cet épisode : les oiseaux de terreur !</t>
  </si>
  <si>
    <t>P0811198</t>
  </si>
  <si>
    <t>Un monde mortel : Requins redoutables</t>
  </si>
  <si>
    <t>World's Deadliest: Shark Frenzy!</t>
  </si>
  <si>
    <t>Si les profondeurs des océans attirent de nombreux explorateurs pour leur beauté, elles abritent également certains des prédateurs les plus dangereux au monde : les requins. Le besoin de se nourrir est ce qui unit ces tueurs sanguinaires, qui font appel à leur force redoutable, à leur technicité et à leurs gènes pour atteindre leur but ultime. Avec 400 millions d’années d’évolution derrière eux, le règne des requins sur les profondeurs a de beaux jours devant lui !</t>
  </si>
  <si>
    <t>19/11/2020</t>
  </si>
  <si>
    <t>N0025516</t>
  </si>
  <si>
    <t>Au coeur des parcs nationaux d'Amérique : Le Yosemite</t>
  </si>
  <si>
    <t>Yosemite</t>
  </si>
  <si>
    <t>Le parc national du Yosemite est une région où les extrêmes se rencontrent. Des falaises de 900 mètres de haut en granit et d'anciens séquoias géants de plus de 1000 ans d'âge occupent un immense espace, où les lynx, ours noirs, coyotes, aigles royaux règnent en maîtres. Suivez les habitants de Yosemite au fil des saisons dans un portrait unique et légendaire.</t>
  </si>
  <si>
    <t>P0946343</t>
  </si>
  <si>
    <t>Dr T, vétérinaire du Texas : Extraction épineuse</t>
  </si>
  <si>
    <t>The Terrible Turkey Trot</t>
  </si>
  <si>
    <t>Entre un hérisson qui a besoin d’une extraction dentaire et une tortue de Horsfield prénommée Stoli qui refuse catégoriquement d’ingérer ses médicaments, Dr T. a du pain sur la planche ! La vétérinaire prend également sous son aile un perroquet jaco atteint d’une tumeur inquiétante qui pourrait bien lui être fatale.</t>
  </si>
  <si>
    <t>P0876072</t>
  </si>
  <si>
    <t>Prédateurs d'Afrique : L’ascension de Kimba</t>
  </si>
  <si>
    <t>Africa's Hunters S3</t>
  </si>
  <si>
    <t>Kimba's Rise</t>
  </si>
  <si>
    <t>Dans la vallée de la Luangwa, en Zambie, la troupe des lions de Mwamba règne sur la rive ouest du fleuve et fait face à un avenir incertain. Les mâles dominants du groupe errent sur les territoires voisins, avides d’arracher le pouvoir aux autres familles. Les femelles n’ont d’autre choix que de prendre la relève et de partir en chasse. Si les neuf lionnes indomptables de la bande tentent chaque jour d’abattre des antilopes, l’appétit d’ogre de leurs six adolescents ainsi que l’échec d’une partie de leurs efforts menacent les réserves de nourriture. Parmi ces lionceaux en pleine croissance, deux sont les meilleurs amis du monde. Bien que benjamine de la famille, l’impulsive et affirmée Maya a toujours été téméraire et imprudente. Son frère aîné Kimba, lui, se fait plus réservé ; il a beau se tenir à l’écart du danger, sa petite sœur l’emmène parfois hors du droit chemin. Pour devenir adultes, ces jeunes lions devront observer un rite initiatique qui les forgera ou entraînera leur perte.</t>
  </si>
  <si>
    <t>P0876073</t>
  </si>
  <si>
    <t>Prédateurs d'Afrique : Le ciment de la troupe</t>
  </si>
  <si>
    <t>Prides And Prejudice</t>
  </si>
  <si>
    <t>Milo le lionceau appartient à la puissante troupe de Mwamba, qui règne sur le territoire à l’ouest de la Luangwa. Composée de 20 membres et dirigée par 3 frères redoutables, elle est la plus grande troupe à des kilomètres à la ronde et assure à Milo tous les atouts pour réussir dans la vie. Chez les lions, les petits forment le ciment qui unit les membres d’une meute. Alors que Milo devrait être entouré d’autres lionceaux, il est terriblement seul. Son frère Poppy a été emporté par un prédateur de passage, profitant de l’absence du reste de la troupe partie chasser. La nouvelle de la disparition de Poppy se répand comme une traînée de poudre au sein de la famille. Tandis qu’il ne reste qu’un seul petit et qu’aucune femelle n’attend d’heureux événement, les mâles abandonnent la meute et partent chercher d’autres lionnes sur la rive opposée. Leur départ fragilise le lien qu’entretient Milo avec sa mère et le reste de la troupe.</t>
  </si>
  <si>
    <t>P0876074</t>
  </si>
  <si>
    <t>Prédateurs d'Afrique : Le marginal</t>
  </si>
  <si>
    <t>The Misfit Comes of Age</t>
  </si>
  <si>
    <t>Ce lionceau charismatique n’a pas eu une vie facile. Autrefois malmené par ses grands frères et rejeté par sa mère, ce jeune lion courageux a bien grandi. Mais les temps sont durs pour lui et sa famille… Après la disparition des mâles à la tête de la troupe, la horde s’est disloquée. Auparavant composée de vingt lions, la meute de Nsefu n’en compte plus que neuf. Parmi eux, le chétif Misfit, qui vit une période cruciale : ses frères aînés et lui devront bientôt quitter le groupe pour mener une vie de nomades. S’ils souhaitent un jour occuper le trône, ils doivent d’abord grandir, et vite. Pour survivre, il leur faut à tout prix peaufiner leurs techniques de chasse. De ce côté de la rivière, les proies constituent une denrée rare. Sur la rive opposée, une menace plane : trois redoutables mâles dominants, les Punks, règnent en maîtres et n’hésiteront pas une seconde à s’attaquer au jeune lion. Mais la meute de Nsefu, affamée, prend le risque de traverser la rivière aux crocodiles et de s’aventurer en territoire ennemi.</t>
  </si>
  <si>
    <t>P0876075</t>
  </si>
  <si>
    <t>Prédateurs d'Afrique : Enfant terrible</t>
  </si>
  <si>
    <t>The Leopard Who Changed Her Spots</t>
  </si>
  <si>
    <t>Chipadzua est un jeune léopard femelle de trois ans qui aurait dû quitter le nid il y a plus d’un an déjà. À l’âge de deux ans, la tradition veut que les léopards partent à la recherche de leur propre territoire. Mais ce n’est pas de l’avis de cette princesse gâtée, bien décidée à ne pas abandonner ses privilèges. Sa mère, Malaika, est une chasseuse hors pair et Chipadzua préfère vivre à ses crochets. Alors que Malaika perche ses proies au sommet d’un arbre, hors de portée des charognards, sa fille estime pouvoir se servir. En plus de contrarier Malaika, ses agissements la mettent en danger : les grognements de Chipadzua alertent la savane et les cris des babouins manquent d’attirer sur le territoire lions et hyènes, ennemis jurés des léopards. C’en est trop pour Malaika, qui atteint son point de non-retour. Contre toute attente, elle abandonne sa fille et part en direction du nord. Pour la première fois de sa vie, Chipadzua se retrouve seule ; livrée à elle-même, le temps est venu pour elle de grandir.</t>
  </si>
  <si>
    <t>P0876076</t>
  </si>
  <si>
    <t>Prédateurs d'Afrique : Ennemis redoutables</t>
  </si>
  <si>
    <t>Deadly Rivals</t>
  </si>
  <si>
    <t>Thandi et Lula, deux jeunes dingos âgés de deux mois, sont les seules femelles d’une portée de six petits. Alors que Lula adore chahuter avec ses frères, Thandi aime la solitude. Ils sont tombés au sein de la bonne famille : leurs parents leur sont totalement dévoués et leurs oncles et tantes prennent leur rôle très au sérieux. Située au pied d’un bosquet de copaïers, à quelques mètres de la Luangwa, leur tanière constitue le terrain de chasse idéal pour ses nombreuses antilopes. Alors que tout semble leur sourire, la meute des hyènes tachetées d’Ukoo pose ses valises à un kilomètre et demi. Entre leur taille imposante et leurs mâchoires d’acier, les hyènes sont les rivales les plus redoutées des dingos. Leur chef suprême, la matriarche, gouverne d’une patte de fer cette meute composée de 30 membres et de plusieurs familles.</t>
  </si>
  <si>
    <t>N0020210</t>
  </si>
  <si>
    <t>Les zarbis : Les animaux se rebellent</t>
  </si>
  <si>
    <t>Animals Behaving Badly</t>
  </si>
  <si>
    <t>Quand l'instinct sauvage de certains animaux prend le dessus, on ne peut pas les arrêter. Des rencontres inattendues avec ces agresseurs effrontés révèlent à quel point Mère Nature peut être indisciplinée et dangereuse ! Ceci est la preuve que certains animaux ne peuvent être apprivoisés. Dans les Zarbis les animaux n'en font qu'à leur tête !</t>
  </si>
  <si>
    <t>P0885648</t>
  </si>
  <si>
    <t>L'incroyable Dr Pol : Chattitude</t>
  </si>
  <si>
    <t>Cat-Titude!</t>
  </si>
  <si>
    <t>Qu’ils bondissent ou ronronnent, les chats sont parmi nos compagnons préférés. Des chatons errants aux minets au pelage soyeux, l’équipe de la clinique soigne tous nos acolytes à moustaches. Cet épisode met à l’honneur nos félins duveteux.</t>
  </si>
  <si>
    <t>P0885649</t>
  </si>
  <si>
    <t>L'incroyable Dr Pol : Nos toutous bien-aimés</t>
  </si>
  <si>
    <t>Doggone It!</t>
  </si>
  <si>
    <t>Du plus petit des chiots au plus grand dogue allemand, le chien est le meilleur ami de l’homme. À Weidman, dans le Michigan, les propriétaires d’animaux de compagnie ainsi que les vétérinaires de la clinique feraient n’importe quoi pour leurs acolytes canins. Bagarre de chiens, infestation de puces ou accident fortuit… Quelle que soit la situation, Dr Pol et son équipe remettent nos compagnons canins sur leurs pattes. Cet épisode sera exclusivement consacré à nos toutous bien-aimés.</t>
  </si>
  <si>
    <t>P0853064</t>
  </si>
  <si>
    <t>L'incroyable Dr Pol : Le livre des records du docteur Pol</t>
  </si>
  <si>
    <t>Guinness Book of Pol Records</t>
  </si>
  <si>
    <t>Les situations les plus extrêmes font partie du lot quotidien des vétérinaires de campagne de la clinique. Le Dr Pol et son équipe doivent soigner des cas très difficiles dans des conditions souvent extrêmes. Des juments grincheuses aux pitbulls fouineurs, en passant par des vêlages par temps glacial et par des opérations délicates de cochons d’Inde, les docteurs ne renoncent jamais à soigner les cas inédits à l’aide des traitements les plus innovants. Dans cet épisode, nous reviendrons sur les situations que l’on ne voit qu’à la clinique Pol.</t>
  </si>
  <si>
    <t>P0853065</t>
  </si>
  <si>
    <t>L'incroyable Dr Pol : Comme chien et chat</t>
  </si>
  <si>
    <t>The Whole Kitten Ca-Poodle</t>
  </si>
  <si>
    <t>La meute débarque à la clinique du Dr Pol ! Quel que soit votre meilleur ami à quatre pattes, sa santé passe avant tout. Entre un teckel électrique, un siamois fougueux, des labradors adorables et des rottweilers bagarreurs, la journée des vétérinaires est bien remplie. Dans cet épisode, nous passerons en revue les chiens et chats les plus soyeux, les plus poilus et les plus rebelles auxquels a eu affaire l’équipe du Dr Pol.</t>
  </si>
  <si>
    <t>N0011746</t>
  </si>
  <si>
    <t>Prédateurs de la Préhistoire : Les sangliers tueurs</t>
  </si>
  <si>
    <t>Killer Pig</t>
  </si>
  <si>
    <t>Rencontrez les animaux les plus terrifiants de la Préhistoire. Dans cet épisode : le sanglier tueur !</t>
  </si>
  <si>
    <t>N0020347</t>
  </si>
  <si>
    <t>Un monde mortel : Girl power</t>
  </si>
  <si>
    <t>Lady Killers</t>
  </si>
  <si>
    <t>Dans le règne animal, les femelles sont coriaces, courageuses et intrépides. Mais elles ne peuvent pas s'en sortir en comptant seulement sur leur charme, elles utilisent aussi leurs pattes, leurs griffes et leurs mâchoires pour assurer leur survie et celle de leurs petits. De la féroce maman grizzly au travail d'équipe des femelles lions, cet épisode vous prouve qu'il serait une erreur de sous-estimer ces tueuses du monde animal.</t>
  </si>
  <si>
    <t>20/11/2020</t>
  </si>
  <si>
    <t>P0826886</t>
  </si>
  <si>
    <t>Déserts d'Amérique : La vallée de la mort</t>
  </si>
  <si>
    <t>America The Beautiful: Wild South West</t>
  </si>
  <si>
    <t>Death Valley</t>
  </si>
  <si>
    <t xml:space="preserve">Une montagne luxuriante et vaporeuse s’élève au-dessus du désert le plus aride des États-Unis dans un assemblage de paysages typiquement américains. Entre les températures ardentes de la Vallée de la mort et l’air alpin du mont Whitney se trouve une portion de route de 235 kilomètres où seules les espèces les plus enhardies peuvent survivre. Pendant qu’un groupe de coureurs relève ce défi, les espèces sauvages trouvent une parade pour subsister, transformant un terrain de golf en une oasis fertile. Ces terres sauvages sont le théâtre de deux extrêmes, étendues entre 100 mètres au-dessous du niveau de la mer jusqu’à près de 4 300 mètres d’altitude.
</t>
  </si>
  <si>
    <t>P0946342</t>
  </si>
  <si>
    <t>Dr T, vétérinaire du Texas : La mère des dragons</t>
  </si>
  <si>
    <t>Mother of Dragons</t>
  </si>
  <si>
    <t>Chaque journée au cabinet ressemble à une boîte de chocolat : quel animal passera entre les mains du Dr T. aujourd’hui ? Dans cet épisode, la vétérinaire bichonne une tortue fugueuse à la carapace fêlée et un cochon d’Inde capricieux ayant englouti une énorme pierre. Un cacatoès qui a perdu une patte trouve un foyer aimant.</t>
  </si>
  <si>
    <t>N0019404</t>
  </si>
  <si>
    <t>Fonte des glaces en instantané</t>
  </si>
  <si>
    <t>Extreme Ice</t>
  </si>
  <si>
    <t>Extreme Ice, 1</t>
  </si>
  <si>
    <t>00:50</t>
  </si>
  <si>
    <t xml:space="preserve">"Nous ne pouvons plus arrêter ce phénomène !" Au Nord et au Sud, dans les régions aux températures les plus extrêmes, la fonte des glaciers et des barrières de glace est enclenchée et s'accélère de jour en jour. Sur le plateau de Wilkins en Antarctique, un énorme pan de glace, équivalent à environ quatre fois la superficie de Paris, a commencé à s'effondrer. Entre le 10 et le 24 juillet 2008, le glacier Petermann, situé au nord-ouest du Groenland, a perdu quant à lui 29 km2. Tandis que les scientifiques tentent de prévoir les conséquences de ces fontes, le photographe James Balog risque sa vie pour immortaliser ces transformations et alerter l'opinion publique. Il a ainsi placé dans le Grand Nord une batterie d'appareils photo qui se déclenchent toutes les heures et ce pendant trois ans. </t>
  </si>
  <si>
    <t>P0771244</t>
  </si>
  <si>
    <t>L'arche des espèces menacées : Episode 1</t>
  </si>
  <si>
    <t>PhotoArk</t>
  </si>
  <si>
    <t>Photo Ark 1, 1</t>
  </si>
  <si>
    <t>Suivez Joel Sartore à Madagascar et dans les Keys de Floride tandis qu’il immortalise des animaux magnifiques et en voie d’extinction pour son projet Photo Ark, sorte d’arche de Noé photographique. En Floride, il s’intéresse au cerf des Keys, espèce qu’il a observée pour la première fois il y a 20 ans.</t>
  </si>
  <si>
    <t>P0771245</t>
  </si>
  <si>
    <t>L'arche des espèces menacées : Episode 2</t>
  </si>
  <si>
    <t>Photo Ark 1, 2</t>
  </si>
  <si>
    <t>Joel Sartore nous emmène en Espagne, où il photographie le superbe lynx pardelle. Puis direction la Chine, pour filmer la tortue à carapace molle du Fleuve Bleu. Au Cameroun, Joel espère apercevoir le magnifique gorille de la rivière Cross, gorille le plus rare du monde.</t>
  </si>
  <si>
    <t>P0771246</t>
  </si>
  <si>
    <t>L'arche des espèces menacées : Episode 3</t>
  </si>
  <si>
    <t>Photo Ark 1, 3</t>
  </si>
  <si>
    <t>Le photographe Joel Sartore ajoute des insectes chatoyants aux clichés de son projet Photo Ark, avant de chercher des animaux plus grands à Budapest et à Prague. Joel participe également à une opération de sauvetage d’œufs de kiwis d’Okarito en Nouvelle-Zélande.</t>
  </si>
  <si>
    <t>P0879644</t>
  </si>
  <si>
    <t>Planète hostile : Les maîtres du froid</t>
  </si>
  <si>
    <t>Hostile Planet: Masters of The Freeze</t>
  </si>
  <si>
    <t>Hostile Planet: Masters of The Freeze, 1</t>
  </si>
  <si>
    <t>Même sous les climats les plus cléments, la survie peut s’apparenter à une lutte permanente. Cependant, les animaux qui ont élu domicile dans les régions les plus froides de la planète ont développé une morphologie et des comportements qui leur permettent de l’emporter face aux dangers et autres prédateurs. S’ils vivent et meurent dans la violence, seuls les maîtres de la glace finissent vainqueurs.</t>
  </si>
  <si>
    <t>N0020492</t>
  </si>
  <si>
    <t>Les zarbis : Micro</t>
  </si>
  <si>
    <t>World's Weirdest: Pets</t>
  </si>
  <si>
    <t>Micro Pets</t>
  </si>
  <si>
    <t>Découvrez des animaux de compagnie taille XS. Parfois, les plus petits sont les plus étranges. Un chat sans poil, un hérisson, ou un cheval minuscule, préparez-vous à rencontrer des animaux domestiqués hors du commun. Ici, pas certain que tout ce qui est petit est mignon...</t>
  </si>
  <si>
    <t>P0850739</t>
  </si>
  <si>
    <t>Le refuge du bonheur : Les enfants vont bien</t>
  </si>
  <si>
    <t>The Kids Are Alright</t>
  </si>
  <si>
    <t>Lorsque les soigneurs d’espèces sauvages ont besoin d’un coup de main, ils font généralement appel à leurs enfants. Certains suivent même les traces de leur mère et deviennent, à leur tour, rééducateurs. La famille Allen accueille un bébé vison dont la mère a été abattue avant même que celui-ci n’ouvre les yeux. Nikki et sa fille Jaci rééduquent de petits ratons laveurs et leur apprennent à pêcher. De leur côté, Nancy et sa fille Whitney portent secours à des bébés mouffettes orphelines et déshydratées. Enfin, Grant bâtit un nouveau nid pour une buse à queue rousse dans un très grand arbre.</t>
  </si>
  <si>
    <t>N0023077</t>
  </si>
  <si>
    <t>Le refuge du bonheur du raton-laveur</t>
  </si>
  <si>
    <t>Bandit Patrol</t>
  </si>
  <si>
    <t>Blood, Sweat, and Raccoons</t>
  </si>
  <si>
    <t xml:space="preserve">Mordues par un écureuil malade ou confrontées à un raton laveur agressif, Nancy et Kristin se rappellent que les animaux dont elles s'occupent sont imprévisibles. Chez Kristin Allen, la fin de l'hiver amène à se demander quels sont les animaux qu'elle a recueillis qui sont prêts à être relâchés. C'est une joie de voir cette famille de ratons laveurs, dont elle a pris soin avec son frère Grant, retourner dans son habitat naturel. Mais ce bonheur est vite rattrapé par son inquiétude pour une chouette rayée gravement blessée. Pendant ce temps, Linda et Max reçoivent la visite d'une policière qui a découvert un raton laveur adulte dans sa grange. Une visite chez le vétérinaire et les talents de détective de Max montrent que ce nouveau pensionnaire pourrait bien rester plus longtemps que prévu.
</t>
  </si>
  <si>
    <t>N0023058</t>
  </si>
  <si>
    <t>Le refuge du bonheur d'une biche</t>
  </si>
  <si>
    <t>Oh Deer!</t>
  </si>
  <si>
    <t xml:space="preserve">Le temps plus chaud marque le début de la saison des naissances, apportant avec elle de nouvelles urgences pour nos spécialistes de la réhabilitation des animaux sauvages. Juste après la frontière de l'État, une biche enceinte est coincée dans une clôture et perd rapidement son sang par sa blessure à la patte. Linda arrive sur les lieux. Elle doit trouver comment libérer la mère, sans risques pour le faon. De son côté, Nancy vient en aide à un écureuil blessé par une voiture mais la situation s'annonce compliquée. L'animal, sévèrement touché à la tête porte apparemment des petits. Avec l'aide du vétérinaire, Kristine et Grant secourent une chouette rayée dont la réhabilitation sera longue.
</t>
  </si>
  <si>
    <t>N0028237</t>
  </si>
  <si>
    <t>Urgences Animales: Des gestes héroïques</t>
  </si>
  <si>
    <t>Heroic Measures</t>
  </si>
  <si>
    <t xml:space="preserve">Aujourd’hui à la clinique vétérinaire, Damon, un chien abandonné est retrouvé ensanglanté avec une patte manquante ; il est le candidat idéal pour acquérir une prothèse. Dr. Beale prépare Damon pour cette opération délicate. Avec sa nouvelle patte, la vie de Damon est radicalement changée et profite pleinement au sein de sa nouvelle famille d’adoption du Colorado. Deux lynx du désert, Nova et Starlord, débarquent à la clinique pour comprendre pourquoi Nova, la femelle, souffre de problèmes digestifs. Après une batterie de tests, Dr. Chen lui prescrit des médicaments qui devraient la sortir d’affaire ; une semaine de traitement plus tard, Nova se sent beaucoup mieux, retrouvant son appétit et jouant auprès de Starlord comme avant. Lucy, un teckel, est emmenée aux soins intensifs pour sa mâchoire cassée. Dr. Chanda Miles exécute deux opérations en vitesse et place des barres de contention en acier pour consolider la mâchoire. Bien que l’opération ait été délicate, Lucy pourra récupérer. </t>
  </si>
  <si>
    <t>N0011747</t>
  </si>
  <si>
    <t>Prédateurs de la Préhistoire : Grosses mâchoires</t>
  </si>
  <si>
    <t>Razor Jaws</t>
  </si>
  <si>
    <t>Avec sa gueule impressionnante, le Hyaenodon était un prédateur féroce.  Ses morsures puissantes et tranchantes comme un rasoir ont laissé à jamais une marque dans l'histoire...</t>
  </si>
  <si>
    <t xml:space="preserve">La vétérinaire Michelle Oakley revient pour une 6e saison au chevet des animaux, domestiques comme sauvages. Tourmentée par les ravages provoqués par les feux de forêt en Australie, Michelle Oakley se rend sur place accompagnée de sa fille Sierra afin de prêter main-forte comme elle le peut. Les Oakley participent au sauvetage d’un kangourou et de son petit, qu’elles transportent jusqu’à une clinique pour espèces sauvages. Face aux incendies qui barrent les routes secondaires, les ramener dans leur habitat naturel ne sera pas une mince affaire. Elles partent ensuite à la recherche d’un koala rescapé au sein d’un refuge, qu’elles aident à se remettre sur pied, puis font la rencontre d’une roussette d’Australi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2">
    <fill>
      <patternFill patternType="none"/>
    </fill>
    <fill>
      <patternFill patternType="gray125"/>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7">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05"/>
  <sheetViews>
    <sheetView showGridLines="0" tabSelected="1" topLeftCell="E54" workbookViewId="0">
      <selection activeCell="L78" sqref="L78"/>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t="s">
        <v>15</v>
      </c>
      <c r="D3" s="2" t="s">
        <v>16</v>
      </c>
      <c r="E3" s="2" t="s">
        <v>17</v>
      </c>
      <c r="F3" s="2" t="s">
        <v>18</v>
      </c>
      <c r="G3" s="3">
        <v>1</v>
      </c>
      <c r="H3" s="2" t="s">
        <v>19</v>
      </c>
      <c r="I3" s="3">
        <v>2011</v>
      </c>
      <c r="J3" s="2" t="s">
        <v>20</v>
      </c>
      <c r="K3" s="2"/>
      <c r="L3" s="2" t="s">
        <v>21</v>
      </c>
    </row>
    <row r="4" spans="1:12" ht="15.2" customHeight="1">
      <c r="A4" s="2" t="s">
        <v>13</v>
      </c>
      <c r="B4" s="2" t="s">
        <v>22</v>
      </c>
      <c r="C4" s="2" t="s">
        <v>23</v>
      </c>
      <c r="D4" s="2" t="s">
        <v>24</v>
      </c>
      <c r="E4" s="2" t="s">
        <v>17</v>
      </c>
      <c r="F4" s="2" t="s">
        <v>25</v>
      </c>
      <c r="G4" s="3">
        <v>2</v>
      </c>
      <c r="H4" s="2" t="s">
        <v>19</v>
      </c>
      <c r="I4" s="3">
        <v>2011</v>
      </c>
      <c r="J4" s="2" t="s">
        <v>20</v>
      </c>
      <c r="K4" s="2"/>
      <c r="L4" s="2" t="s">
        <v>26</v>
      </c>
    </row>
    <row r="5" spans="1:12" ht="15.2" customHeight="1">
      <c r="A5" s="2" t="s">
        <v>13</v>
      </c>
      <c r="B5" s="2" t="s">
        <v>27</v>
      </c>
      <c r="C5" s="2" t="s">
        <v>28</v>
      </c>
      <c r="D5" s="2" t="s">
        <v>29</v>
      </c>
      <c r="E5" s="2" t="s">
        <v>30</v>
      </c>
      <c r="F5" s="2" t="s">
        <v>31</v>
      </c>
      <c r="G5" s="3">
        <v>2</v>
      </c>
      <c r="H5" s="2" t="s">
        <v>32</v>
      </c>
      <c r="I5" s="3">
        <v>2019</v>
      </c>
      <c r="J5" s="2" t="s">
        <v>20</v>
      </c>
      <c r="K5" s="2"/>
      <c r="L5" s="2" t="s">
        <v>33</v>
      </c>
    </row>
    <row r="6" spans="1:12" ht="15.2" customHeight="1">
      <c r="A6" s="2" t="s">
        <v>13</v>
      </c>
      <c r="B6" s="2" t="s">
        <v>34</v>
      </c>
      <c r="C6" s="2" t="s">
        <v>35</v>
      </c>
      <c r="D6" s="2" t="s">
        <v>36</v>
      </c>
      <c r="E6" s="2" t="s">
        <v>30</v>
      </c>
      <c r="F6" s="2" t="s">
        <v>37</v>
      </c>
      <c r="G6" s="3">
        <v>3</v>
      </c>
      <c r="H6" s="2" t="s">
        <v>32</v>
      </c>
      <c r="I6" s="3">
        <v>2019</v>
      </c>
      <c r="J6" s="2" t="s">
        <v>20</v>
      </c>
      <c r="K6" s="2"/>
      <c r="L6" s="2" t="s">
        <v>38</v>
      </c>
    </row>
    <row r="7" spans="1:12" ht="15.2" customHeight="1">
      <c r="A7" s="2" t="s">
        <v>13</v>
      </c>
      <c r="B7" s="2" t="s">
        <v>39</v>
      </c>
      <c r="C7" s="2" t="s">
        <v>40</v>
      </c>
      <c r="D7" s="2" t="s">
        <v>41</v>
      </c>
      <c r="E7" s="2" t="s">
        <v>30</v>
      </c>
      <c r="F7" s="2" t="s">
        <v>42</v>
      </c>
      <c r="G7" s="3">
        <v>4</v>
      </c>
      <c r="H7" s="2" t="s">
        <v>32</v>
      </c>
      <c r="I7" s="3">
        <v>2019</v>
      </c>
      <c r="J7" s="2" t="s">
        <v>20</v>
      </c>
      <c r="K7" s="2"/>
      <c r="L7" s="2" t="s">
        <v>43</v>
      </c>
    </row>
    <row r="8" spans="1:12" ht="15.2" customHeight="1">
      <c r="A8" s="2" t="s">
        <v>13</v>
      </c>
      <c r="B8" s="2" t="s">
        <v>44</v>
      </c>
      <c r="C8" s="2" t="s">
        <v>45</v>
      </c>
      <c r="D8" s="2" t="s">
        <v>46</v>
      </c>
      <c r="E8" s="2" t="s">
        <v>47</v>
      </c>
      <c r="F8" s="2" t="s">
        <v>48</v>
      </c>
      <c r="G8" s="3">
        <v>1</v>
      </c>
      <c r="H8" s="2" t="s">
        <v>19</v>
      </c>
      <c r="I8" s="3">
        <v>2019</v>
      </c>
      <c r="J8" s="2" t="s">
        <v>49</v>
      </c>
      <c r="K8" s="2"/>
      <c r="L8" s="2" t="s">
        <v>50</v>
      </c>
    </row>
    <row r="9" spans="1:12" ht="15.2" customHeight="1">
      <c r="A9" s="2" t="s">
        <v>13</v>
      </c>
      <c r="B9" s="2" t="s">
        <v>51</v>
      </c>
      <c r="C9" s="2" t="s">
        <v>52</v>
      </c>
      <c r="D9" s="2" t="s">
        <v>53</v>
      </c>
      <c r="E9" s="2" t="s">
        <v>54</v>
      </c>
      <c r="F9" s="2" t="s">
        <v>55</v>
      </c>
      <c r="G9" s="3">
        <v>3</v>
      </c>
      <c r="H9" s="2" t="s">
        <v>32</v>
      </c>
      <c r="I9" s="3">
        <v>2018</v>
      </c>
      <c r="J9" s="2" t="s">
        <v>20</v>
      </c>
      <c r="K9" s="2"/>
      <c r="L9" s="2" t="s">
        <v>56</v>
      </c>
    </row>
    <row r="10" spans="1:12" ht="15.2" customHeight="1">
      <c r="A10" s="2" t="s">
        <v>13</v>
      </c>
      <c r="B10" s="2" t="s">
        <v>57</v>
      </c>
      <c r="C10" s="2" t="s">
        <v>58</v>
      </c>
      <c r="D10" s="2" t="s">
        <v>59</v>
      </c>
      <c r="E10" s="2" t="s">
        <v>54</v>
      </c>
      <c r="F10" s="2" t="s">
        <v>60</v>
      </c>
      <c r="G10" s="3">
        <v>4</v>
      </c>
      <c r="H10" s="2" t="s">
        <v>32</v>
      </c>
      <c r="I10" s="3">
        <v>2018</v>
      </c>
      <c r="J10" s="2" t="s">
        <v>20</v>
      </c>
      <c r="K10" s="2"/>
      <c r="L10" s="2" t="s">
        <v>61</v>
      </c>
    </row>
    <row r="11" spans="1:12" ht="15.2" customHeight="1">
      <c r="A11" s="2" t="s">
        <v>13</v>
      </c>
      <c r="B11" s="2" t="s">
        <v>62</v>
      </c>
      <c r="C11" s="2" t="s">
        <v>63</v>
      </c>
      <c r="D11" s="2" t="s">
        <v>64</v>
      </c>
      <c r="E11" s="2" t="s">
        <v>54</v>
      </c>
      <c r="F11" s="2" t="s">
        <v>65</v>
      </c>
      <c r="G11" s="3">
        <v>5</v>
      </c>
      <c r="H11" s="2" t="s">
        <v>32</v>
      </c>
      <c r="I11" s="3">
        <v>2018</v>
      </c>
      <c r="J11" s="2" t="s">
        <v>20</v>
      </c>
      <c r="K11" s="2"/>
      <c r="L11" s="2" t="s">
        <v>66</v>
      </c>
    </row>
    <row r="12" spans="1:12" ht="15.2" customHeight="1">
      <c r="A12" s="2" t="s">
        <v>13</v>
      </c>
      <c r="B12" s="2" t="s">
        <v>67</v>
      </c>
      <c r="C12" s="2"/>
      <c r="D12" s="2" t="s">
        <v>68</v>
      </c>
      <c r="E12" s="2" t="s">
        <v>69</v>
      </c>
      <c r="F12" s="2" t="s">
        <v>70</v>
      </c>
      <c r="G12" s="3">
        <v>1</v>
      </c>
      <c r="H12" s="2" t="s">
        <v>71</v>
      </c>
      <c r="I12" s="3">
        <v>2019</v>
      </c>
      <c r="J12" s="2" t="s">
        <v>72</v>
      </c>
      <c r="K12" s="2"/>
      <c r="L12" s="2" t="s">
        <v>73</v>
      </c>
    </row>
    <row r="13" spans="1:12" ht="15.2" customHeight="1">
      <c r="A13" s="2" t="s">
        <v>13</v>
      </c>
      <c r="B13" s="2" t="s">
        <v>74</v>
      </c>
      <c r="C13" s="2"/>
      <c r="D13" s="2" t="s">
        <v>75</v>
      </c>
      <c r="E13" s="2" t="s">
        <v>69</v>
      </c>
      <c r="F13" s="2" t="s">
        <v>76</v>
      </c>
      <c r="G13" s="3">
        <v>2</v>
      </c>
      <c r="H13" s="2" t="s">
        <v>71</v>
      </c>
      <c r="I13" s="3">
        <v>2019</v>
      </c>
      <c r="J13" s="2" t="s">
        <v>72</v>
      </c>
      <c r="K13" s="2"/>
      <c r="L13" s="2" t="s">
        <v>77</v>
      </c>
    </row>
    <row r="14" spans="1:12" ht="15.2" customHeight="1">
      <c r="A14" s="2" t="s">
        <v>13</v>
      </c>
      <c r="B14" s="2" t="s">
        <v>78</v>
      </c>
      <c r="C14" s="2" t="s">
        <v>79</v>
      </c>
      <c r="D14" s="2" t="s">
        <v>80</v>
      </c>
      <c r="E14" s="2" t="s">
        <v>81</v>
      </c>
      <c r="F14" s="2" t="s">
        <v>82</v>
      </c>
      <c r="G14" s="3">
        <v>1</v>
      </c>
      <c r="H14" s="2" t="s">
        <v>19</v>
      </c>
      <c r="I14" s="3">
        <v>2012</v>
      </c>
      <c r="J14" s="2" t="s">
        <v>20</v>
      </c>
      <c r="K14" s="2"/>
      <c r="L14" s="2" t="s">
        <v>83</v>
      </c>
    </row>
    <row r="15" spans="1:12" ht="15.2" customHeight="1">
      <c r="A15" s="2" t="s">
        <v>13</v>
      </c>
      <c r="B15" s="2" t="s">
        <v>84</v>
      </c>
      <c r="C15" s="2" t="s">
        <v>85</v>
      </c>
      <c r="D15" s="2" t="s">
        <v>86</v>
      </c>
      <c r="E15" s="2" t="s">
        <v>87</v>
      </c>
      <c r="F15" s="2" t="s">
        <v>88</v>
      </c>
      <c r="G15" s="3">
        <v>2</v>
      </c>
      <c r="H15" s="2" t="s">
        <v>89</v>
      </c>
      <c r="I15" s="3">
        <v>2019</v>
      </c>
      <c r="J15" s="2" t="s">
        <v>20</v>
      </c>
      <c r="K15" s="2"/>
      <c r="L15" s="2" t="s">
        <v>90</v>
      </c>
    </row>
    <row r="16" spans="1:12" ht="15.2" customHeight="1">
      <c r="A16" s="2" t="s">
        <v>13</v>
      </c>
      <c r="B16" s="2" t="s">
        <v>91</v>
      </c>
      <c r="C16" s="2" t="s">
        <v>92</v>
      </c>
      <c r="D16" s="2" t="s">
        <v>93</v>
      </c>
      <c r="E16" s="2" t="s">
        <v>94</v>
      </c>
      <c r="F16" s="2" t="s">
        <v>95</v>
      </c>
      <c r="G16" s="3">
        <v>2</v>
      </c>
      <c r="H16" s="2" t="s">
        <v>96</v>
      </c>
      <c r="I16" s="3">
        <v>2019</v>
      </c>
      <c r="J16" s="2" t="s">
        <v>20</v>
      </c>
      <c r="K16" s="2"/>
      <c r="L16" s="2" t="s">
        <v>97</v>
      </c>
    </row>
    <row r="17" spans="1:12" ht="15.2" customHeight="1">
      <c r="A17" s="2" t="s">
        <v>13</v>
      </c>
      <c r="B17" s="2" t="s">
        <v>98</v>
      </c>
      <c r="C17" s="2" t="s">
        <v>99</v>
      </c>
      <c r="D17" s="2" t="s">
        <v>100</v>
      </c>
      <c r="E17" s="2" t="s">
        <v>94</v>
      </c>
      <c r="F17" s="2" t="s">
        <v>101</v>
      </c>
      <c r="G17" s="3">
        <v>3</v>
      </c>
      <c r="H17" s="2" t="s">
        <v>96</v>
      </c>
      <c r="I17" s="3">
        <v>2019</v>
      </c>
      <c r="J17" s="2" t="s">
        <v>20</v>
      </c>
      <c r="K17" s="2"/>
      <c r="L17" s="2" t="s">
        <v>102</v>
      </c>
    </row>
    <row r="18" spans="1:12" ht="15.2" customHeight="1">
      <c r="A18" s="2" t="s">
        <v>13</v>
      </c>
      <c r="B18" s="2" t="s">
        <v>103</v>
      </c>
      <c r="C18" s="2" t="s">
        <v>104</v>
      </c>
      <c r="D18" s="2" t="s">
        <v>105</v>
      </c>
      <c r="E18" s="2" t="s">
        <v>94</v>
      </c>
      <c r="F18" s="2" t="s">
        <v>106</v>
      </c>
      <c r="G18" s="3">
        <v>13</v>
      </c>
      <c r="H18" s="2" t="s">
        <v>96</v>
      </c>
      <c r="I18" s="3">
        <v>2018</v>
      </c>
      <c r="J18" s="2" t="s">
        <v>20</v>
      </c>
      <c r="K18" s="2"/>
      <c r="L18" s="2" t="s">
        <v>107</v>
      </c>
    </row>
    <row r="19" spans="1:12" ht="15.2" customHeight="1">
      <c r="A19" s="2" t="s">
        <v>13</v>
      </c>
      <c r="B19" s="2" t="s">
        <v>108</v>
      </c>
      <c r="C19" s="2" t="s">
        <v>109</v>
      </c>
      <c r="D19" s="2" t="s">
        <v>110</v>
      </c>
      <c r="E19" s="2" t="s">
        <v>94</v>
      </c>
      <c r="F19" s="2" t="s">
        <v>111</v>
      </c>
      <c r="G19" s="3">
        <v>14</v>
      </c>
      <c r="H19" s="2" t="s">
        <v>112</v>
      </c>
      <c r="I19" s="3">
        <v>2018</v>
      </c>
      <c r="J19" s="2" t="s">
        <v>20</v>
      </c>
      <c r="K19" s="2"/>
      <c r="L19" s="2" t="s">
        <v>113</v>
      </c>
    </row>
    <row r="20" spans="1:12" ht="15.2" customHeight="1">
      <c r="A20" s="2" t="s">
        <v>13</v>
      </c>
      <c r="B20" s="2" t="s">
        <v>114</v>
      </c>
      <c r="C20" s="2" t="s">
        <v>115</v>
      </c>
      <c r="D20" s="2" t="s">
        <v>116</v>
      </c>
      <c r="E20" s="2" t="s">
        <v>17</v>
      </c>
      <c r="F20" s="2" t="s">
        <v>117</v>
      </c>
      <c r="G20" s="3">
        <v>3</v>
      </c>
      <c r="H20" s="2" t="s">
        <v>19</v>
      </c>
      <c r="I20" s="3">
        <v>2011</v>
      </c>
      <c r="J20" s="2" t="s">
        <v>20</v>
      </c>
      <c r="K20" s="2"/>
      <c r="L20" s="2" t="s">
        <v>118</v>
      </c>
    </row>
    <row r="21" spans="1:12" ht="15.2" customHeight="1">
      <c r="A21" s="2" t="s">
        <v>13</v>
      </c>
      <c r="B21" s="2" t="s">
        <v>119</v>
      </c>
      <c r="C21" s="2" t="s">
        <v>120</v>
      </c>
      <c r="D21" s="2" t="s">
        <v>121</v>
      </c>
      <c r="E21" s="2" t="s">
        <v>17</v>
      </c>
      <c r="F21" s="2" t="s">
        <v>122</v>
      </c>
      <c r="G21" s="3">
        <v>1</v>
      </c>
      <c r="H21" s="2" t="s">
        <v>123</v>
      </c>
      <c r="I21" s="3">
        <v>2009</v>
      </c>
      <c r="J21" s="2" t="s">
        <v>20</v>
      </c>
      <c r="K21" s="2"/>
      <c r="L21" s="2" t="s">
        <v>124</v>
      </c>
    </row>
    <row r="22" spans="1:12" ht="15.2" customHeight="1">
      <c r="A22" s="2" t="s">
        <v>13</v>
      </c>
      <c r="B22" s="2" t="s">
        <v>125</v>
      </c>
      <c r="C22" s="2" t="s">
        <v>126</v>
      </c>
      <c r="D22" s="2" t="s">
        <v>127</v>
      </c>
      <c r="E22" s="2" t="s">
        <v>128</v>
      </c>
      <c r="F22" s="2" t="s">
        <v>129</v>
      </c>
      <c r="G22" s="3">
        <v>4</v>
      </c>
      <c r="H22" s="2" t="s">
        <v>32</v>
      </c>
      <c r="I22" s="3">
        <v>2013</v>
      </c>
      <c r="J22" s="2" t="s">
        <v>20</v>
      </c>
      <c r="K22" s="2"/>
      <c r="L22" s="2" t="s">
        <v>130</v>
      </c>
    </row>
    <row r="23" spans="1:12" ht="15.2" customHeight="1">
      <c r="A23" s="2" t="s">
        <v>13</v>
      </c>
      <c r="B23" s="2" t="s">
        <v>131</v>
      </c>
      <c r="C23" s="2" t="s">
        <v>132</v>
      </c>
      <c r="D23" s="2" t="s">
        <v>133</v>
      </c>
      <c r="E23" s="2" t="s">
        <v>128</v>
      </c>
      <c r="F23" s="2" t="s">
        <v>134</v>
      </c>
      <c r="G23" s="3">
        <v>5</v>
      </c>
      <c r="H23" s="2" t="s">
        <v>96</v>
      </c>
      <c r="I23" s="3">
        <v>2013</v>
      </c>
      <c r="J23" s="2" t="s">
        <v>20</v>
      </c>
      <c r="K23" s="2"/>
      <c r="L23" s="2" t="s">
        <v>135</v>
      </c>
    </row>
    <row r="24" spans="1:12" ht="15.2" customHeight="1">
      <c r="A24" s="2" t="s">
        <v>13</v>
      </c>
      <c r="B24" s="2" t="s">
        <v>136</v>
      </c>
      <c r="C24" s="2" t="s">
        <v>137</v>
      </c>
      <c r="D24" s="2" t="s">
        <v>138</v>
      </c>
      <c r="E24" s="2" t="s">
        <v>128</v>
      </c>
      <c r="F24" s="2" t="s">
        <v>139</v>
      </c>
      <c r="G24" s="3">
        <v>6</v>
      </c>
      <c r="H24" s="2" t="s">
        <v>32</v>
      </c>
      <c r="I24" s="3">
        <v>2013</v>
      </c>
      <c r="J24" s="2" t="s">
        <v>20</v>
      </c>
      <c r="K24" s="2"/>
      <c r="L24" s="2" t="s">
        <v>140</v>
      </c>
    </row>
    <row r="25" spans="1:12" ht="15.2" customHeight="1">
      <c r="A25" s="2" t="s">
        <v>13</v>
      </c>
      <c r="B25" s="2" t="s">
        <v>141</v>
      </c>
      <c r="C25" s="2" t="s">
        <v>142</v>
      </c>
      <c r="D25" s="2" t="s">
        <v>143</v>
      </c>
      <c r="E25" s="2" t="s">
        <v>144</v>
      </c>
      <c r="F25" s="2" t="s">
        <v>145</v>
      </c>
      <c r="G25" s="3">
        <v>1</v>
      </c>
      <c r="H25" s="2" t="s">
        <v>96</v>
      </c>
      <c r="I25" s="3">
        <v>2017</v>
      </c>
      <c r="J25" s="2" t="s">
        <v>146</v>
      </c>
      <c r="K25" s="2"/>
      <c r="L25" s="2" t="s">
        <v>147</v>
      </c>
    </row>
    <row r="26" spans="1:12" ht="15.2" customHeight="1">
      <c r="A26" s="2" t="s">
        <v>13</v>
      </c>
      <c r="B26" s="2" t="s">
        <v>148</v>
      </c>
      <c r="C26" s="2" t="s">
        <v>149</v>
      </c>
      <c r="D26" s="2" t="s">
        <v>150</v>
      </c>
      <c r="E26" s="2" t="s">
        <v>144</v>
      </c>
      <c r="F26" s="2" t="s">
        <v>151</v>
      </c>
      <c r="G26" s="3">
        <v>2</v>
      </c>
      <c r="H26" s="2" t="s">
        <v>32</v>
      </c>
      <c r="I26" s="3">
        <v>2017</v>
      </c>
      <c r="J26" s="2" t="s">
        <v>146</v>
      </c>
      <c r="K26" s="2"/>
      <c r="L26" s="2" t="s">
        <v>152</v>
      </c>
    </row>
    <row r="27" spans="1:12" ht="15.2" customHeight="1">
      <c r="A27" s="2" t="s">
        <v>13</v>
      </c>
      <c r="B27" s="2" t="s">
        <v>153</v>
      </c>
      <c r="C27" s="2" t="s">
        <v>154</v>
      </c>
      <c r="D27" s="2" t="s">
        <v>155</v>
      </c>
      <c r="E27" s="2" t="s">
        <v>156</v>
      </c>
      <c r="F27" s="2" t="s">
        <v>157</v>
      </c>
      <c r="G27" s="3">
        <v>1</v>
      </c>
      <c r="H27" s="2" t="s">
        <v>32</v>
      </c>
      <c r="I27" s="3">
        <v>2015</v>
      </c>
      <c r="J27" s="2" t="s">
        <v>158</v>
      </c>
      <c r="K27" s="2"/>
      <c r="L27" s="2" t="s">
        <v>159</v>
      </c>
    </row>
    <row r="28" spans="1:12" ht="15.2" customHeight="1">
      <c r="A28" s="2" t="s">
        <v>13</v>
      </c>
      <c r="B28" s="2" t="s">
        <v>160</v>
      </c>
      <c r="C28" s="2" t="s">
        <v>161</v>
      </c>
      <c r="D28" s="2" t="s">
        <v>162</v>
      </c>
      <c r="E28" s="2" t="s">
        <v>156</v>
      </c>
      <c r="F28" s="2" t="s">
        <v>163</v>
      </c>
      <c r="G28" s="3">
        <v>2</v>
      </c>
      <c r="H28" s="2" t="s">
        <v>32</v>
      </c>
      <c r="I28" s="3">
        <v>2015</v>
      </c>
      <c r="J28" s="2" t="s">
        <v>158</v>
      </c>
      <c r="K28" s="2"/>
      <c r="L28" s="2" t="s">
        <v>164</v>
      </c>
    </row>
    <row r="29" spans="1:12" ht="15.2" customHeight="1">
      <c r="A29" s="2" t="s">
        <v>13</v>
      </c>
      <c r="B29" s="2" t="s">
        <v>165</v>
      </c>
      <c r="C29" s="2" t="s">
        <v>28</v>
      </c>
      <c r="D29" s="2" t="s">
        <v>29</v>
      </c>
      <c r="E29" s="2" t="s">
        <v>30</v>
      </c>
      <c r="F29" s="2" t="s">
        <v>31</v>
      </c>
      <c r="G29" s="3">
        <v>2</v>
      </c>
      <c r="H29" s="2" t="s">
        <v>32</v>
      </c>
      <c r="I29" s="3">
        <v>2019</v>
      </c>
      <c r="J29" s="2" t="s">
        <v>20</v>
      </c>
      <c r="K29" s="2"/>
      <c r="L29" s="2" t="s">
        <v>33</v>
      </c>
    </row>
    <row r="30" spans="1:12" ht="15.2" customHeight="1">
      <c r="A30" s="2" t="s">
        <v>13</v>
      </c>
      <c r="B30" s="2" t="s">
        <v>166</v>
      </c>
      <c r="C30" s="2" t="s">
        <v>35</v>
      </c>
      <c r="D30" s="2" t="s">
        <v>36</v>
      </c>
      <c r="E30" s="2" t="s">
        <v>30</v>
      </c>
      <c r="F30" s="2" t="s">
        <v>37</v>
      </c>
      <c r="G30" s="3">
        <v>3</v>
      </c>
      <c r="H30" s="2" t="s">
        <v>32</v>
      </c>
      <c r="I30" s="3">
        <v>2019</v>
      </c>
      <c r="J30" s="2" t="s">
        <v>20</v>
      </c>
      <c r="K30" s="2"/>
      <c r="L30" s="2" t="s">
        <v>38</v>
      </c>
    </row>
    <row r="31" spans="1:12" ht="15.2" customHeight="1">
      <c r="A31" s="2" t="s">
        <v>13</v>
      </c>
      <c r="B31" s="2" t="s">
        <v>167</v>
      </c>
      <c r="C31" s="2" t="s">
        <v>115</v>
      </c>
      <c r="D31" s="2" t="s">
        <v>116</v>
      </c>
      <c r="E31" s="2" t="s">
        <v>17</v>
      </c>
      <c r="F31" s="2" t="s">
        <v>117</v>
      </c>
      <c r="G31" s="3">
        <v>3</v>
      </c>
      <c r="H31" s="2" t="s">
        <v>19</v>
      </c>
      <c r="I31" s="3">
        <v>2011</v>
      </c>
      <c r="J31" s="2" t="s">
        <v>20</v>
      </c>
      <c r="K31" s="2"/>
      <c r="L31" s="2" t="s">
        <v>118</v>
      </c>
    </row>
    <row r="32" spans="1:12" ht="15.2" customHeight="1">
      <c r="A32" s="2" t="s">
        <v>168</v>
      </c>
      <c r="B32" s="2" t="s">
        <v>14</v>
      </c>
      <c r="C32" s="2" t="s">
        <v>169</v>
      </c>
      <c r="D32" s="2" t="s">
        <v>170</v>
      </c>
      <c r="E32" s="2" t="s">
        <v>171</v>
      </c>
      <c r="F32" s="2" t="s">
        <v>172</v>
      </c>
      <c r="G32" s="3">
        <v>3</v>
      </c>
      <c r="H32" s="2" t="s">
        <v>32</v>
      </c>
      <c r="I32" s="3">
        <v>2015</v>
      </c>
      <c r="J32" s="2" t="s">
        <v>20</v>
      </c>
      <c r="K32" s="2"/>
      <c r="L32" s="2" t="s">
        <v>173</v>
      </c>
    </row>
    <row r="33" spans="1:12" ht="15.2" customHeight="1">
      <c r="A33" s="2" t="s">
        <v>168</v>
      </c>
      <c r="B33" s="2" t="s">
        <v>22</v>
      </c>
      <c r="C33" s="2" t="s">
        <v>174</v>
      </c>
      <c r="D33" s="2" t="s">
        <v>175</v>
      </c>
      <c r="E33" s="2" t="s">
        <v>171</v>
      </c>
      <c r="F33" s="2" t="s">
        <v>176</v>
      </c>
      <c r="G33" s="3">
        <v>4</v>
      </c>
      <c r="H33" s="2" t="s">
        <v>96</v>
      </c>
      <c r="I33" s="3">
        <v>2015</v>
      </c>
      <c r="J33" s="2" t="s">
        <v>20</v>
      </c>
      <c r="K33" s="2"/>
      <c r="L33" s="2" t="s">
        <v>177</v>
      </c>
    </row>
    <row r="34" spans="1:12" ht="15.2" customHeight="1">
      <c r="A34" s="2" t="s">
        <v>168</v>
      </c>
      <c r="B34" s="2" t="s">
        <v>27</v>
      </c>
      <c r="C34" s="2" t="s">
        <v>126</v>
      </c>
      <c r="D34" s="2" t="s">
        <v>127</v>
      </c>
      <c r="E34" s="2" t="s">
        <v>128</v>
      </c>
      <c r="F34" s="2" t="s">
        <v>129</v>
      </c>
      <c r="G34" s="3">
        <v>4</v>
      </c>
      <c r="H34" s="2" t="s">
        <v>32</v>
      </c>
      <c r="I34" s="3">
        <v>2013</v>
      </c>
      <c r="J34" s="2" t="s">
        <v>20</v>
      </c>
      <c r="K34" s="2"/>
      <c r="L34" s="2" t="s">
        <v>130</v>
      </c>
    </row>
    <row r="35" spans="1:12" ht="15.2" customHeight="1">
      <c r="A35" s="2" t="s">
        <v>168</v>
      </c>
      <c r="B35" s="2" t="s">
        <v>34</v>
      </c>
      <c r="C35" s="2" t="s">
        <v>132</v>
      </c>
      <c r="D35" s="2" t="s">
        <v>133</v>
      </c>
      <c r="E35" s="2" t="s">
        <v>128</v>
      </c>
      <c r="F35" s="2" t="s">
        <v>134</v>
      </c>
      <c r="G35" s="3">
        <v>5</v>
      </c>
      <c r="H35" s="2" t="s">
        <v>96</v>
      </c>
      <c r="I35" s="3">
        <v>2013</v>
      </c>
      <c r="J35" s="2" t="s">
        <v>20</v>
      </c>
      <c r="K35" s="2"/>
      <c r="L35" s="2" t="s">
        <v>135</v>
      </c>
    </row>
    <row r="36" spans="1:12" ht="15.2" customHeight="1">
      <c r="A36" s="2" t="s">
        <v>168</v>
      </c>
      <c r="B36" s="2" t="s">
        <v>39</v>
      </c>
      <c r="C36" s="2" t="s">
        <v>137</v>
      </c>
      <c r="D36" s="2" t="s">
        <v>138</v>
      </c>
      <c r="E36" s="2" t="s">
        <v>128</v>
      </c>
      <c r="F36" s="2" t="s">
        <v>139</v>
      </c>
      <c r="G36" s="3">
        <v>6</v>
      </c>
      <c r="H36" s="2" t="s">
        <v>32</v>
      </c>
      <c r="I36" s="3">
        <v>2013</v>
      </c>
      <c r="J36" s="2" t="s">
        <v>20</v>
      </c>
      <c r="K36" s="2"/>
      <c r="L36" s="2" t="s">
        <v>140</v>
      </c>
    </row>
    <row r="37" spans="1:12" ht="15.2" customHeight="1">
      <c r="A37" s="2" t="s">
        <v>168</v>
      </c>
      <c r="B37" s="2" t="s">
        <v>44</v>
      </c>
      <c r="C37" s="2" t="s">
        <v>115</v>
      </c>
      <c r="D37" s="2" t="s">
        <v>116</v>
      </c>
      <c r="E37" s="2" t="s">
        <v>17</v>
      </c>
      <c r="F37" s="2" t="s">
        <v>117</v>
      </c>
      <c r="G37" s="3">
        <v>3</v>
      </c>
      <c r="H37" s="2" t="s">
        <v>19</v>
      </c>
      <c r="I37" s="3">
        <v>2011</v>
      </c>
      <c r="J37" s="2" t="s">
        <v>20</v>
      </c>
      <c r="K37" s="2"/>
      <c r="L37" s="2" t="s">
        <v>118</v>
      </c>
    </row>
    <row r="38" spans="1:12" ht="15.2" customHeight="1">
      <c r="A38" s="2" t="s">
        <v>168</v>
      </c>
      <c r="B38" s="2" t="s">
        <v>51</v>
      </c>
      <c r="C38" s="2" t="s">
        <v>120</v>
      </c>
      <c r="D38" s="2" t="s">
        <v>121</v>
      </c>
      <c r="E38" s="2" t="s">
        <v>17</v>
      </c>
      <c r="F38" s="2" t="s">
        <v>122</v>
      </c>
      <c r="G38" s="3">
        <v>1</v>
      </c>
      <c r="H38" s="2" t="s">
        <v>123</v>
      </c>
      <c r="I38" s="3">
        <v>2009</v>
      </c>
      <c r="J38" s="2" t="s">
        <v>20</v>
      </c>
      <c r="K38" s="2"/>
      <c r="L38" s="2" t="s">
        <v>124</v>
      </c>
    </row>
    <row r="39" spans="1:12" ht="15.2" customHeight="1">
      <c r="A39" s="2" t="s">
        <v>168</v>
      </c>
      <c r="B39" s="2" t="s">
        <v>57</v>
      </c>
      <c r="C39" s="2" t="s">
        <v>15</v>
      </c>
      <c r="D39" s="2" t="s">
        <v>16</v>
      </c>
      <c r="E39" s="2" t="s">
        <v>17</v>
      </c>
      <c r="F39" s="2" t="s">
        <v>18</v>
      </c>
      <c r="G39" s="3">
        <v>1</v>
      </c>
      <c r="H39" s="2" t="s">
        <v>19</v>
      </c>
      <c r="I39" s="3">
        <v>2011</v>
      </c>
      <c r="J39" s="2" t="s">
        <v>20</v>
      </c>
      <c r="K39" s="2"/>
      <c r="L39" s="2" t="s">
        <v>21</v>
      </c>
    </row>
    <row r="40" spans="1:12" ht="15.2" customHeight="1">
      <c r="A40" s="2" t="s">
        <v>168</v>
      </c>
      <c r="B40" s="2" t="s">
        <v>62</v>
      </c>
      <c r="C40" s="2" t="s">
        <v>52</v>
      </c>
      <c r="D40" s="2" t="s">
        <v>53</v>
      </c>
      <c r="E40" s="2" t="s">
        <v>54</v>
      </c>
      <c r="F40" s="2" t="s">
        <v>55</v>
      </c>
      <c r="G40" s="3">
        <v>3</v>
      </c>
      <c r="H40" s="2" t="s">
        <v>32</v>
      </c>
      <c r="I40" s="3">
        <v>2018</v>
      </c>
      <c r="J40" s="2" t="s">
        <v>20</v>
      </c>
      <c r="K40" s="2"/>
      <c r="L40" s="2" t="s">
        <v>56</v>
      </c>
    </row>
    <row r="41" spans="1:12" ht="15.2" customHeight="1">
      <c r="A41" s="2" t="s">
        <v>168</v>
      </c>
      <c r="B41" s="2" t="s">
        <v>67</v>
      </c>
      <c r="C41" s="2" t="s">
        <v>58</v>
      </c>
      <c r="D41" s="2" t="s">
        <v>59</v>
      </c>
      <c r="E41" s="2" t="s">
        <v>54</v>
      </c>
      <c r="F41" s="2" t="s">
        <v>60</v>
      </c>
      <c r="G41" s="3">
        <v>4</v>
      </c>
      <c r="H41" s="2" t="s">
        <v>32</v>
      </c>
      <c r="I41" s="3">
        <v>2018</v>
      </c>
      <c r="J41" s="2" t="s">
        <v>20</v>
      </c>
      <c r="K41" s="2"/>
      <c r="L41" s="2" t="s">
        <v>61</v>
      </c>
    </row>
    <row r="42" spans="1:12" ht="15.2" customHeight="1">
      <c r="A42" s="2" t="s">
        <v>168</v>
      </c>
      <c r="B42" s="2" t="s">
        <v>74</v>
      </c>
      <c r="C42" s="2" t="s">
        <v>63</v>
      </c>
      <c r="D42" s="2" t="s">
        <v>64</v>
      </c>
      <c r="E42" s="2" t="s">
        <v>54</v>
      </c>
      <c r="F42" s="2" t="s">
        <v>65</v>
      </c>
      <c r="G42" s="3">
        <v>5</v>
      </c>
      <c r="H42" s="2" t="s">
        <v>32</v>
      </c>
      <c r="I42" s="3">
        <v>2018</v>
      </c>
      <c r="J42" s="2" t="s">
        <v>20</v>
      </c>
      <c r="K42" s="2"/>
      <c r="L42" s="2" t="s">
        <v>66</v>
      </c>
    </row>
    <row r="43" spans="1:12" ht="15.2" customHeight="1">
      <c r="A43" s="2" t="s">
        <v>168</v>
      </c>
      <c r="B43" s="2" t="s">
        <v>78</v>
      </c>
      <c r="C43" s="2" t="s">
        <v>178</v>
      </c>
      <c r="D43" s="2" t="s">
        <v>179</v>
      </c>
      <c r="E43" s="2" t="s">
        <v>180</v>
      </c>
      <c r="F43" s="2" t="s">
        <v>181</v>
      </c>
      <c r="G43" s="3">
        <v>2</v>
      </c>
      <c r="H43" s="2" t="s">
        <v>32</v>
      </c>
      <c r="I43" s="3">
        <v>2016</v>
      </c>
      <c r="J43" s="2" t="s">
        <v>20</v>
      </c>
      <c r="K43" s="2"/>
      <c r="L43" s="2" t="s">
        <v>182</v>
      </c>
    </row>
    <row r="44" spans="1:12" ht="15.2" customHeight="1">
      <c r="A44" s="2" t="s">
        <v>168</v>
      </c>
      <c r="B44" s="2" t="s">
        <v>84</v>
      </c>
      <c r="C44" s="2" t="s">
        <v>183</v>
      </c>
      <c r="D44" s="2" t="s">
        <v>184</v>
      </c>
      <c r="E44" s="2" t="s">
        <v>185</v>
      </c>
      <c r="F44" s="2" t="s">
        <v>186</v>
      </c>
      <c r="G44" s="3">
        <v>3</v>
      </c>
      <c r="H44" s="2" t="s">
        <v>187</v>
      </c>
      <c r="I44" s="3">
        <v>2018</v>
      </c>
      <c r="J44" s="2" t="s">
        <v>20</v>
      </c>
      <c r="K44" s="2"/>
      <c r="L44" s="2" t="s">
        <v>188</v>
      </c>
    </row>
    <row r="45" spans="1:12" ht="15.2" customHeight="1">
      <c r="A45" s="2" t="s">
        <v>168</v>
      </c>
      <c r="B45" s="2" t="s">
        <v>91</v>
      </c>
      <c r="C45" s="2" t="s">
        <v>189</v>
      </c>
      <c r="D45" s="2" t="s">
        <v>190</v>
      </c>
      <c r="E45" s="2" t="s">
        <v>191</v>
      </c>
      <c r="F45" s="2" t="s">
        <v>192</v>
      </c>
      <c r="G45" s="3">
        <v>1</v>
      </c>
      <c r="H45" s="2" t="s">
        <v>32</v>
      </c>
      <c r="I45" s="3">
        <v>2019</v>
      </c>
      <c r="J45" s="2" t="s">
        <v>158</v>
      </c>
      <c r="K45" s="2"/>
      <c r="L45" s="2" t="s">
        <v>193</v>
      </c>
    </row>
    <row r="46" spans="1:12" ht="15.2" customHeight="1">
      <c r="A46" s="2" t="s">
        <v>168</v>
      </c>
      <c r="B46" s="2" t="s">
        <v>98</v>
      </c>
      <c r="C46" s="2" t="s">
        <v>194</v>
      </c>
      <c r="D46" s="2" t="s">
        <v>195</v>
      </c>
      <c r="E46" s="2" t="s">
        <v>191</v>
      </c>
      <c r="F46" s="2" t="s">
        <v>196</v>
      </c>
      <c r="G46" s="3">
        <v>2</v>
      </c>
      <c r="H46" s="2" t="s">
        <v>32</v>
      </c>
      <c r="I46" s="3">
        <v>2019</v>
      </c>
      <c r="J46" s="2" t="s">
        <v>158</v>
      </c>
      <c r="K46" s="2"/>
      <c r="L46" s="2" t="s">
        <v>197</v>
      </c>
    </row>
    <row r="47" spans="1:12" ht="15.2" customHeight="1">
      <c r="A47" s="2" t="s">
        <v>168</v>
      </c>
      <c r="B47" s="2" t="s">
        <v>103</v>
      </c>
      <c r="C47" s="2" t="s">
        <v>198</v>
      </c>
      <c r="D47" s="2" t="s">
        <v>199</v>
      </c>
      <c r="E47" s="2" t="s">
        <v>191</v>
      </c>
      <c r="F47" s="2" t="s">
        <v>200</v>
      </c>
      <c r="G47" s="3">
        <v>3</v>
      </c>
      <c r="H47" s="2" t="s">
        <v>32</v>
      </c>
      <c r="I47" s="3">
        <v>2019</v>
      </c>
      <c r="J47" s="2" t="s">
        <v>158</v>
      </c>
      <c r="K47" s="2"/>
      <c r="L47" s="2" t="s">
        <v>201</v>
      </c>
    </row>
    <row r="48" spans="1:12" ht="15.2" customHeight="1">
      <c r="A48" s="2" t="s">
        <v>168</v>
      </c>
      <c r="B48" s="2" t="s">
        <v>108</v>
      </c>
      <c r="C48" s="2" t="s">
        <v>202</v>
      </c>
      <c r="D48" s="2" t="s">
        <v>203</v>
      </c>
      <c r="E48" s="2" t="s">
        <v>191</v>
      </c>
      <c r="F48" s="2" t="s">
        <v>204</v>
      </c>
      <c r="G48" s="3">
        <v>4</v>
      </c>
      <c r="H48" s="2" t="s">
        <v>32</v>
      </c>
      <c r="I48" s="3">
        <v>2019</v>
      </c>
      <c r="J48" s="2" t="s">
        <v>158</v>
      </c>
      <c r="K48" s="2"/>
      <c r="L48" s="2" t="s">
        <v>205</v>
      </c>
    </row>
    <row r="49" spans="1:12" ht="15.2" customHeight="1">
      <c r="A49" s="2" t="s">
        <v>168</v>
      </c>
      <c r="B49" s="2" t="s">
        <v>114</v>
      </c>
      <c r="C49" s="2" t="s">
        <v>206</v>
      </c>
      <c r="D49" s="2" t="s">
        <v>207</v>
      </c>
      <c r="E49" s="2" t="s">
        <v>171</v>
      </c>
      <c r="F49" s="2" t="s">
        <v>208</v>
      </c>
      <c r="G49" s="3">
        <v>5</v>
      </c>
      <c r="H49" s="2" t="s">
        <v>32</v>
      </c>
      <c r="I49" s="3">
        <v>2015</v>
      </c>
      <c r="J49" s="2" t="s">
        <v>20</v>
      </c>
      <c r="K49" s="2"/>
      <c r="L49" s="2" t="s">
        <v>209</v>
      </c>
    </row>
    <row r="50" spans="1:12" ht="15.2" customHeight="1">
      <c r="A50" s="2" t="s">
        <v>168</v>
      </c>
      <c r="B50" s="2" t="s">
        <v>119</v>
      </c>
      <c r="C50" s="2" t="s">
        <v>210</v>
      </c>
      <c r="D50" s="2" t="s">
        <v>211</v>
      </c>
      <c r="E50" s="2" t="s">
        <v>171</v>
      </c>
      <c r="F50" s="2" t="s">
        <v>212</v>
      </c>
      <c r="G50" s="3">
        <v>6</v>
      </c>
      <c r="H50" s="2" t="s">
        <v>96</v>
      </c>
      <c r="I50" s="3">
        <v>2015</v>
      </c>
      <c r="J50" s="2" t="s">
        <v>20</v>
      </c>
      <c r="K50" s="2"/>
      <c r="L50" s="2" t="s">
        <v>213</v>
      </c>
    </row>
    <row r="51" spans="1:12" ht="15.2" customHeight="1">
      <c r="A51" s="2" t="s">
        <v>168</v>
      </c>
      <c r="B51" s="2" t="s">
        <v>125</v>
      </c>
      <c r="C51" s="2" t="s">
        <v>92</v>
      </c>
      <c r="D51" s="2" t="s">
        <v>93</v>
      </c>
      <c r="E51" s="2" t="s">
        <v>94</v>
      </c>
      <c r="F51" s="2" t="s">
        <v>95</v>
      </c>
      <c r="G51" s="3">
        <v>2</v>
      </c>
      <c r="H51" s="2" t="s">
        <v>96</v>
      </c>
      <c r="I51" s="3">
        <v>2019</v>
      </c>
      <c r="J51" s="2" t="s">
        <v>20</v>
      </c>
      <c r="K51" s="2"/>
      <c r="L51" s="2" t="s">
        <v>97</v>
      </c>
    </row>
    <row r="52" spans="1:12" ht="15.2" customHeight="1">
      <c r="A52" s="2" t="s">
        <v>168</v>
      </c>
      <c r="B52" s="2" t="s">
        <v>131</v>
      </c>
      <c r="C52" s="2" t="s">
        <v>99</v>
      </c>
      <c r="D52" s="2" t="s">
        <v>100</v>
      </c>
      <c r="E52" s="2" t="s">
        <v>94</v>
      </c>
      <c r="F52" s="2" t="s">
        <v>101</v>
      </c>
      <c r="G52" s="3">
        <v>3</v>
      </c>
      <c r="H52" s="2" t="s">
        <v>96</v>
      </c>
      <c r="I52" s="3">
        <v>2019</v>
      </c>
      <c r="J52" s="2" t="s">
        <v>20</v>
      </c>
      <c r="K52" s="2"/>
      <c r="L52" s="2" t="s">
        <v>102</v>
      </c>
    </row>
    <row r="53" spans="1:12" ht="15.2" customHeight="1">
      <c r="A53" s="2" t="s">
        <v>168</v>
      </c>
      <c r="B53" s="2" t="s">
        <v>136</v>
      </c>
      <c r="C53" s="2" t="s">
        <v>104</v>
      </c>
      <c r="D53" s="2" t="s">
        <v>105</v>
      </c>
      <c r="E53" s="2" t="s">
        <v>94</v>
      </c>
      <c r="F53" s="2" t="s">
        <v>106</v>
      </c>
      <c r="G53" s="3">
        <v>13</v>
      </c>
      <c r="H53" s="2" t="s">
        <v>96</v>
      </c>
      <c r="I53" s="3">
        <v>2018</v>
      </c>
      <c r="J53" s="2" t="s">
        <v>20</v>
      </c>
      <c r="K53" s="2"/>
      <c r="L53" s="2" t="s">
        <v>107</v>
      </c>
    </row>
    <row r="54" spans="1:12" ht="15.2" customHeight="1">
      <c r="A54" s="2" t="s">
        <v>168</v>
      </c>
      <c r="B54" s="2" t="s">
        <v>141</v>
      </c>
      <c r="C54" s="2"/>
      <c r="D54" s="2" t="s">
        <v>68</v>
      </c>
      <c r="E54" s="2" t="s">
        <v>69</v>
      </c>
      <c r="F54" s="2" t="s">
        <v>70</v>
      </c>
      <c r="G54" s="3">
        <v>1</v>
      </c>
      <c r="H54" s="2" t="s">
        <v>71</v>
      </c>
      <c r="I54" s="3">
        <v>2019</v>
      </c>
      <c r="J54" s="2" t="s">
        <v>72</v>
      </c>
      <c r="K54" s="2"/>
      <c r="L54" s="2" t="s">
        <v>73</v>
      </c>
    </row>
    <row r="55" spans="1:12" ht="15.2" customHeight="1">
      <c r="A55" s="2" t="s">
        <v>168</v>
      </c>
      <c r="B55" s="2" t="s">
        <v>148</v>
      </c>
      <c r="C55" s="2"/>
      <c r="D55" s="2" t="s">
        <v>75</v>
      </c>
      <c r="E55" s="2" t="s">
        <v>69</v>
      </c>
      <c r="F55" s="2" t="s">
        <v>76</v>
      </c>
      <c r="G55" s="3">
        <v>2</v>
      </c>
      <c r="H55" s="2" t="s">
        <v>71</v>
      </c>
      <c r="I55" s="3">
        <v>2019</v>
      </c>
      <c r="J55" s="2" t="s">
        <v>72</v>
      </c>
      <c r="K55" s="2"/>
      <c r="L55" s="2" t="s">
        <v>77</v>
      </c>
    </row>
    <row r="56" spans="1:12" ht="15.2" customHeight="1">
      <c r="A56" s="2" t="s">
        <v>168</v>
      </c>
      <c r="B56" s="2" t="s">
        <v>153</v>
      </c>
      <c r="C56" s="2" t="s">
        <v>79</v>
      </c>
      <c r="D56" s="2" t="s">
        <v>80</v>
      </c>
      <c r="E56" s="2" t="s">
        <v>81</v>
      </c>
      <c r="F56" s="2" t="s">
        <v>82</v>
      </c>
      <c r="G56" s="3">
        <v>1</v>
      </c>
      <c r="H56" s="2" t="s">
        <v>19</v>
      </c>
      <c r="I56" s="3">
        <v>2012</v>
      </c>
      <c r="J56" s="2" t="s">
        <v>20</v>
      </c>
      <c r="K56" s="2"/>
      <c r="L56" s="2" t="s">
        <v>83</v>
      </c>
    </row>
    <row r="57" spans="1:12" ht="15.2" customHeight="1">
      <c r="A57" s="2" t="s">
        <v>168</v>
      </c>
      <c r="B57" s="2" t="s">
        <v>160</v>
      </c>
      <c r="C57" s="2" t="s">
        <v>214</v>
      </c>
      <c r="D57" s="2" t="s">
        <v>215</v>
      </c>
      <c r="E57" s="2" t="s">
        <v>216</v>
      </c>
      <c r="F57" s="2" t="s">
        <v>217</v>
      </c>
      <c r="G57" s="3">
        <v>2</v>
      </c>
      <c r="H57" s="2" t="s">
        <v>32</v>
      </c>
      <c r="I57" s="3">
        <v>2014</v>
      </c>
      <c r="J57" s="2" t="s">
        <v>20</v>
      </c>
      <c r="K57" s="2"/>
      <c r="L57" s="2" t="s">
        <v>218</v>
      </c>
    </row>
    <row r="58" spans="1:12" ht="15.2" customHeight="1">
      <c r="A58" s="2" t="s">
        <v>168</v>
      </c>
      <c r="B58" s="2" t="s">
        <v>165</v>
      </c>
      <c r="C58" s="2" t="s">
        <v>126</v>
      </c>
      <c r="D58" s="2" t="s">
        <v>127</v>
      </c>
      <c r="E58" s="2" t="s">
        <v>128</v>
      </c>
      <c r="F58" s="2" t="s">
        <v>129</v>
      </c>
      <c r="G58" s="3">
        <v>4</v>
      </c>
      <c r="H58" s="2" t="s">
        <v>32</v>
      </c>
      <c r="I58" s="3">
        <v>2013</v>
      </c>
      <c r="J58" s="2" t="s">
        <v>20</v>
      </c>
      <c r="K58" s="2"/>
      <c r="L58" s="2" t="s">
        <v>130</v>
      </c>
    </row>
    <row r="59" spans="1:12" ht="15.2" customHeight="1">
      <c r="A59" s="2" t="s">
        <v>168</v>
      </c>
      <c r="B59" s="2" t="s">
        <v>166</v>
      </c>
      <c r="C59" s="2" t="s">
        <v>132</v>
      </c>
      <c r="D59" s="2" t="s">
        <v>133</v>
      </c>
      <c r="E59" s="2" t="s">
        <v>128</v>
      </c>
      <c r="F59" s="2" t="s">
        <v>134</v>
      </c>
      <c r="G59" s="3">
        <v>5</v>
      </c>
      <c r="H59" s="2" t="s">
        <v>96</v>
      </c>
      <c r="I59" s="3">
        <v>2013</v>
      </c>
      <c r="J59" s="2" t="s">
        <v>20</v>
      </c>
      <c r="K59" s="2"/>
      <c r="L59" s="2" t="s">
        <v>135</v>
      </c>
    </row>
    <row r="60" spans="1:12" ht="15.2" customHeight="1">
      <c r="A60" s="2" t="s">
        <v>168</v>
      </c>
      <c r="B60" s="2" t="s">
        <v>167</v>
      </c>
      <c r="C60" s="2" t="s">
        <v>206</v>
      </c>
      <c r="D60" s="2" t="s">
        <v>207</v>
      </c>
      <c r="E60" s="2" t="s">
        <v>171</v>
      </c>
      <c r="F60" s="2" t="s">
        <v>208</v>
      </c>
      <c r="G60" s="3">
        <v>5</v>
      </c>
      <c r="H60" s="2" t="s">
        <v>32</v>
      </c>
      <c r="I60" s="3">
        <v>2015</v>
      </c>
      <c r="J60" s="2" t="s">
        <v>20</v>
      </c>
      <c r="K60" s="2"/>
      <c r="L60" s="2" t="s">
        <v>209</v>
      </c>
    </row>
    <row r="61" spans="1:12" ht="15.2" customHeight="1">
      <c r="A61" s="2" t="s">
        <v>219</v>
      </c>
      <c r="B61" s="2" t="s">
        <v>14</v>
      </c>
      <c r="C61" s="2" t="s">
        <v>220</v>
      </c>
      <c r="D61" s="2" t="s">
        <v>221</v>
      </c>
      <c r="E61" s="2" t="s">
        <v>222</v>
      </c>
      <c r="F61" s="2" t="s">
        <v>223</v>
      </c>
      <c r="G61" s="3">
        <v>5</v>
      </c>
      <c r="H61" s="2" t="s">
        <v>19</v>
      </c>
      <c r="I61" s="3">
        <v>2011</v>
      </c>
      <c r="J61" s="2" t="s">
        <v>224</v>
      </c>
      <c r="K61" s="2"/>
      <c r="L61" s="2" t="s">
        <v>225</v>
      </c>
    </row>
    <row r="62" spans="1:12" ht="15.2" customHeight="1">
      <c r="A62" s="2" t="s">
        <v>219</v>
      </c>
      <c r="B62" s="2" t="s">
        <v>22</v>
      </c>
      <c r="C62" s="2" t="s">
        <v>226</v>
      </c>
      <c r="D62" s="2" t="s">
        <v>227</v>
      </c>
      <c r="E62" s="2" t="s">
        <v>222</v>
      </c>
      <c r="F62" s="2" t="s">
        <v>228</v>
      </c>
      <c r="G62" s="3">
        <v>4</v>
      </c>
      <c r="H62" s="2" t="s">
        <v>19</v>
      </c>
      <c r="I62" s="3">
        <v>2011</v>
      </c>
      <c r="J62" s="2" t="s">
        <v>224</v>
      </c>
      <c r="K62" s="2"/>
      <c r="L62" s="2" t="s">
        <v>229</v>
      </c>
    </row>
    <row r="63" spans="1:12" ht="15.2" customHeight="1">
      <c r="A63" s="2" t="s">
        <v>219</v>
      </c>
      <c r="B63" s="2" t="s">
        <v>27</v>
      </c>
      <c r="C63" s="2" t="s">
        <v>230</v>
      </c>
      <c r="D63" s="2" t="s">
        <v>231</v>
      </c>
      <c r="E63" s="2" t="s">
        <v>232</v>
      </c>
      <c r="F63" s="2" t="s">
        <v>233</v>
      </c>
      <c r="G63" s="3">
        <v>4</v>
      </c>
      <c r="H63" s="2" t="s">
        <v>19</v>
      </c>
      <c r="I63" s="3">
        <v>2011</v>
      </c>
      <c r="J63" s="2" t="s">
        <v>20</v>
      </c>
      <c r="K63" s="2"/>
      <c r="L63" s="2" t="s">
        <v>234</v>
      </c>
    </row>
    <row r="64" spans="1:12" ht="15.2" customHeight="1">
      <c r="A64" s="2" t="s">
        <v>219</v>
      </c>
      <c r="B64" s="2" t="s">
        <v>34</v>
      </c>
      <c r="C64" s="2" t="s">
        <v>126</v>
      </c>
      <c r="D64" s="2" t="s">
        <v>127</v>
      </c>
      <c r="E64" s="2" t="s">
        <v>128</v>
      </c>
      <c r="F64" s="2" t="s">
        <v>129</v>
      </c>
      <c r="G64" s="3">
        <v>4</v>
      </c>
      <c r="H64" s="2" t="s">
        <v>32</v>
      </c>
      <c r="I64" s="3">
        <v>2013</v>
      </c>
      <c r="J64" s="2" t="s">
        <v>20</v>
      </c>
      <c r="K64" s="2"/>
      <c r="L64" s="2" t="s">
        <v>130</v>
      </c>
    </row>
    <row r="65" spans="1:12" ht="15.2" customHeight="1">
      <c r="A65" s="2" t="s">
        <v>219</v>
      </c>
      <c r="B65" s="2" t="s">
        <v>235</v>
      </c>
      <c r="C65" s="2" t="s">
        <v>132</v>
      </c>
      <c r="D65" s="2" t="s">
        <v>133</v>
      </c>
      <c r="E65" s="2" t="s">
        <v>128</v>
      </c>
      <c r="F65" s="2" t="s">
        <v>134</v>
      </c>
      <c r="G65" s="3">
        <v>5</v>
      </c>
      <c r="H65" s="2" t="s">
        <v>96</v>
      </c>
      <c r="I65" s="3">
        <v>2013</v>
      </c>
      <c r="J65" s="2" t="s">
        <v>20</v>
      </c>
      <c r="K65" s="2"/>
      <c r="L65" s="2" t="s">
        <v>135</v>
      </c>
    </row>
    <row r="66" spans="1:12" ht="15.2" customHeight="1">
      <c r="A66" s="2" t="s">
        <v>219</v>
      </c>
      <c r="B66" s="2" t="s">
        <v>236</v>
      </c>
      <c r="C66" s="2" t="s">
        <v>137</v>
      </c>
      <c r="D66" s="2" t="s">
        <v>138</v>
      </c>
      <c r="E66" s="2" t="s">
        <v>128</v>
      </c>
      <c r="F66" s="2" t="s">
        <v>139</v>
      </c>
      <c r="G66" s="3">
        <v>6</v>
      </c>
      <c r="H66" s="2" t="s">
        <v>32</v>
      </c>
      <c r="I66" s="3">
        <v>2013</v>
      </c>
      <c r="J66" s="2" t="s">
        <v>20</v>
      </c>
      <c r="K66" s="2"/>
      <c r="L66" s="2" t="s">
        <v>140</v>
      </c>
    </row>
    <row r="67" spans="1:12" ht="15.2" customHeight="1">
      <c r="A67" s="2" t="s">
        <v>219</v>
      </c>
      <c r="B67" s="2" t="s">
        <v>237</v>
      </c>
      <c r="C67" s="2" t="s">
        <v>238</v>
      </c>
      <c r="D67" s="2" t="s">
        <v>239</v>
      </c>
      <c r="E67" s="2" t="s">
        <v>240</v>
      </c>
      <c r="F67" s="2" t="s">
        <v>241</v>
      </c>
      <c r="G67" s="3">
        <v>1</v>
      </c>
      <c r="H67" s="2" t="s">
        <v>19</v>
      </c>
      <c r="I67" s="3">
        <v>2020</v>
      </c>
      <c r="J67" s="2" t="s">
        <v>20</v>
      </c>
      <c r="K67" s="2"/>
      <c r="L67" s="2" t="s">
        <v>242</v>
      </c>
    </row>
    <row r="68" spans="1:12" ht="15.2" customHeight="1">
      <c r="A68" s="2" t="s">
        <v>219</v>
      </c>
      <c r="B68" s="2" t="s">
        <v>243</v>
      </c>
      <c r="C68" s="2" t="s">
        <v>244</v>
      </c>
      <c r="D68" s="2" t="s">
        <v>245</v>
      </c>
      <c r="E68" s="2" t="s">
        <v>171</v>
      </c>
      <c r="F68" s="2" t="s">
        <v>246</v>
      </c>
      <c r="G68" s="3">
        <v>20</v>
      </c>
      <c r="H68" s="2" t="s">
        <v>32</v>
      </c>
      <c r="I68" s="3">
        <v>2019</v>
      </c>
      <c r="J68" s="2" t="s">
        <v>20</v>
      </c>
      <c r="K68" s="2"/>
      <c r="L68" s="2" t="s">
        <v>247</v>
      </c>
    </row>
    <row r="69" spans="1:12" ht="15.2" customHeight="1">
      <c r="A69" s="2" t="s">
        <v>219</v>
      </c>
      <c r="B69" s="2" t="s">
        <v>248</v>
      </c>
      <c r="C69" s="2" t="s">
        <v>249</v>
      </c>
      <c r="D69" s="2" t="s">
        <v>250</v>
      </c>
      <c r="E69" s="2" t="s">
        <v>250</v>
      </c>
      <c r="F69" s="2" t="s">
        <v>251</v>
      </c>
      <c r="G69" s="3">
        <v>1</v>
      </c>
      <c r="H69" s="2" t="s">
        <v>32</v>
      </c>
      <c r="I69" s="3">
        <v>2016</v>
      </c>
      <c r="J69" s="2" t="s">
        <v>20</v>
      </c>
      <c r="K69" s="2"/>
      <c r="L69" s="2" t="s">
        <v>252</v>
      </c>
    </row>
    <row r="70" spans="1:12" ht="15.2" customHeight="1">
      <c r="A70" s="2" t="s">
        <v>219</v>
      </c>
      <c r="B70" s="2" t="s">
        <v>253</v>
      </c>
      <c r="C70" s="2" t="s">
        <v>254</v>
      </c>
      <c r="D70" s="2" t="s">
        <v>255</v>
      </c>
      <c r="E70" s="2" t="s">
        <v>256</v>
      </c>
      <c r="F70" s="2" t="s">
        <v>257</v>
      </c>
      <c r="G70" s="3">
        <v>1</v>
      </c>
      <c r="H70" s="2" t="s">
        <v>32</v>
      </c>
      <c r="I70" s="3">
        <v>2019</v>
      </c>
      <c r="J70" s="2" t="s">
        <v>20</v>
      </c>
      <c r="K70" s="2"/>
      <c r="L70" s="2" t="s">
        <v>258</v>
      </c>
    </row>
    <row r="71" spans="1:12" ht="15.2" customHeight="1">
      <c r="A71" s="2" t="s">
        <v>219</v>
      </c>
      <c r="B71" s="2" t="s">
        <v>259</v>
      </c>
      <c r="C71" s="2" t="s">
        <v>260</v>
      </c>
      <c r="D71" s="2" t="s">
        <v>261</v>
      </c>
      <c r="E71" s="2" t="s">
        <v>262</v>
      </c>
      <c r="F71" s="2" t="s">
        <v>263</v>
      </c>
      <c r="G71" s="3">
        <v>1</v>
      </c>
      <c r="H71" s="2" t="s">
        <v>19</v>
      </c>
      <c r="I71" s="3">
        <v>2018</v>
      </c>
      <c r="J71" s="2" t="s">
        <v>72</v>
      </c>
      <c r="K71" s="2"/>
      <c r="L71" s="2" t="s">
        <v>264</v>
      </c>
    </row>
    <row r="72" spans="1:12" ht="15.2" customHeight="1">
      <c r="A72" s="2" t="s">
        <v>219</v>
      </c>
      <c r="B72" s="2" t="s">
        <v>265</v>
      </c>
      <c r="C72" s="2" t="s">
        <v>266</v>
      </c>
      <c r="D72" s="2" t="s">
        <v>267</v>
      </c>
      <c r="E72" s="2" t="s">
        <v>262</v>
      </c>
      <c r="F72" s="2" t="s">
        <v>268</v>
      </c>
      <c r="G72" s="3">
        <v>2</v>
      </c>
      <c r="H72" s="2" t="s">
        <v>19</v>
      </c>
      <c r="I72" s="3">
        <v>2018</v>
      </c>
      <c r="J72" s="2" t="s">
        <v>72</v>
      </c>
      <c r="K72" s="2"/>
      <c r="L72" s="2" t="s">
        <v>269</v>
      </c>
    </row>
    <row r="73" spans="1:12" ht="15.2" customHeight="1">
      <c r="A73" s="2" t="s">
        <v>219</v>
      </c>
      <c r="B73" s="2" t="s">
        <v>270</v>
      </c>
      <c r="C73" s="2" t="s">
        <v>271</v>
      </c>
      <c r="D73" s="2" t="s">
        <v>272</v>
      </c>
      <c r="E73" s="2" t="s">
        <v>262</v>
      </c>
      <c r="F73" s="2" t="s">
        <v>273</v>
      </c>
      <c r="G73" s="3">
        <v>3</v>
      </c>
      <c r="H73" s="2" t="s">
        <v>19</v>
      </c>
      <c r="I73" s="3">
        <v>2018</v>
      </c>
      <c r="J73" s="2" t="s">
        <v>72</v>
      </c>
      <c r="K73" s="2"/>
      <c r="L73" s="2" t="s">
        <v>274</v>
      </c>
    </row>
    <row r="74" spans="1:12" ht="15.2" customHeight="1">
      <c r="A74" s="2" t="s">
        <v>219</v>
      </c>
      <c r="B74" s="2" t="s">
        <v>275</v>
      </c>
      <c r="C74" s="2" t="s">
        <v>276</v>
      </c>
      <c r="D74" s="2" t="s">
        <v>277</v>
      </c>
      <c r="E74" s="2" t="s">
        <v>232</v>
      </c>
      <c r="F74" s="2" t="s">
        <v>278</v>
      </c>
      <c r="G74" s="3">
        <v>1</v>
      </c>
      <c r="H74" s="2" t="s">
        <v>19</v>
      </c>
      <c r="I74" s="3">
        <v>2012</v>
      </c>
      <c r="J74" s="2" t="s">
        <v>20</v>
      </c>
      <c r="K74" s="2"/>
      <c r="L74" s="2" t="s">
        <v>279</v>
      </c>
    </row>
    <row r="75" spans="1:12" ht="15.2" customHeight="1">
      <c r="A75" s="2" t="s">
        <v>219</v>
      </c>
      <c r="B75" s="2" t="s">
        <v>280</v>
      </c>
      <c r="C75" s="2" t="s">
        <v>230</v>
      </c>
      <c r="D75" s="2" t="s">
        <v>231</v>
      </c>
      <c r="E75" s="2" t="s">
        <v>232</v>
      </c>
      <c r="F75" s="2" t="s">
        <v>233</v>
      </c>
      <c r="G75" s="3">
        <v>4</v>
      </c>
      <c r="H75" s="2" t="s">
        <v>19</v>
      </c>
      <c r="I75" s="3">
        <v>2011</v>
      </c>
      <c r="J75" s="2" t="s">
        <v>20</v>
      </c>
      <c r="K75" s="2"/>
      <c r="L75" s="2" t="s">
        <v>234</v>
      </c>
    </row>
    <row r="76" spans="1:12" ht="15.2" customHeight="1">
      <c r="A76" s="2" t="s">
        <v>219</v>
      </c>
      <c r="B76" s="2" t="s">
        <v>281</v>
      </c>
      <c r="C76" s="2" t="s">
        <v>238</v>
      </c>
      <c r="D76" s="2" t="s">
        <v>239</v>
      </c>
      <c r="E76" s="2" t="s">
        <v>240</v>
      </c>
      <c r="F76" s="2" t="s">
        <v>241</v>
      </c>
      <c r="G76" s="3">
        <v>1</v>
      </c>
      <c r="H76" s="2" t="s">
        <v>19</v>
      </c>
      <c r="I76" s="3">
        <v>2020</v>
      </c>
      <c r="J76" s="2" t="s">
        <v>20</v>
      </c>
      <c r="K76" s="2"/>
      <c r="L76" s="2" t="s">
        <v>242</v>
      </c>
    </row>
    <row r="77" spans="1:12" ht="15.2" customHeight="1">
      <c r="A77" s="2" t="s">
        <v>219</v>
      </c>
      <c r="B77" s="2" t="s">
        <v>108</v>
      </c>
      <c r="C77" s="2" t="s">
        <v>244</v>
      </c>
      <c r="D77" s="2" t="s">
        <v>245</v>
      </c>
      <c r="E77" s="2" t="s">
        <v>171</v>
      </c>
      <c r="F77" s="2" t="s">
        <v>246</v>
      </c>
      <c r="G77" s="3">
        <v>20</v>
      </c>
      <c r="H77" s="2" t="s">
        <v>32</v>
      </c>
      <c r="I77" s="3">
        <v>2019</v>
      </c>
      <c r="J77" s="2" t="s">
        <v>20</v>
      </c>
      <c r="K77" s="2"/>
      <c r="L77" s="2" t="s">
        <v>247</v>
      </c>
    </row>
    <row r="78" spans="1:12" ht="15.2" customHeight="1">
      <c r="A78" s="2" t="s">
        <v>219</v>
      </c>
      <c r="B78" s="2" t="s">
        <v>114</v>
      </c>
      <c r="C78" s="2"/>
      <c r="D78" s="2"/>
      <c r="E78" s="2" t="s">
        <v>282</v>
      </c>
      <c r="F78" s="2" t="s">
        <v>283</v>
      </c>
      <c r="G78" s="3">
        <v>17</v>
      </c>
      <c r="H78" s="2" t="s">
        <v>19</v>
      </c>
      <c r="I78" s="3">
        <v>2019</v>
      </c>
      <c r="J78" s="2" t="s">
        <v>20</v>
      </c>
      <c r="K78" s="2"/>
      <c r="L78" s="2" t="s">
        <v>541</v>
      </c>
    </row>
    <row r="79" spans="1:12" ht="15.2" customHeight="1">
      <c r="A79" s="2" t="s">
        <v>219</v>
      </c>
      <c r="B79" s="2" t="s">
        <v>125</v>
      </c>
      <c r="C79" s="2" t="s">
        <v>285</v>
      </c>
      <c r="D79" s="2" t="s">
        <v>286</v>
      </c>
      <c r="E79" s="2" t="s">
        <v>282</v>
      </c>
      <c r="F79" s="2" t="s">
        <v>287</v>
      </c>
      <c r="G79" s="3">
        <v>1</v>
      </c>
      <c r="H79" s="2" t="s">
        <v>32</v>
      </c>
      <c r="I79" s="3">
        <v>2018</v>
      </c>
      <c r="J79" s="2" t="s">
        <v>20</v>
      </c>
      <c r="K79" s="2"/>
      <c r="L79" s="2" t="s">
        <v>288</v>
      </c>
    </row>
    <row r="80" spans="1:12" ht="15.2" customHeight="1">
      <c r="A80" s="2" t="s">
        <v>219</v>
      </c>
      <c r="B80" s="2" t="s">
        <v>131</v>
      </c>
      <c r="C80" s="2" t="s">
        <v>289</v>
      </c>
      <c r="D80" s="2" t="s">
        <v>290</v>
      </c>
      <c r="E80" s="2" t="s">
        <v>282</v>
      </c>
      <c r="F80" s="2" t="s">
        <v>291</v>
      </c>
      <c r="G80" s="3">
        <v>2</v>
      </c>
      <c r="H80" s="2" t="s">
        <v>96</v>
      </c>
      <c r="I80" s="3">
        <v>2018</v>
      </c>
      <c r="J80" s="2" t="s">
        <v>20</v>
      </c>
      <c r="K80" s="2"/>
      <c r="L80" s="2" t="s">
        <v>292</v>
      </c>
    </row>
    <row r="81" spans="1:12" ht="15.2" customHeight="1">
      <c r="A81" s="2" t="s">
        <v>219</v>
      </c>
      <c r="B81" s="2" t="s">
        <v>136</v>
      </c>
      <c r="C81" s="2" t="s">
        <v>293</v>
      </c>
      <c r="D81" s="2" t="s">
        <v>294</v>
      </c>
      <c r="E81" s="2" t="s">
        <v>295</v>
      </c>
      <c r="F81" s="2" t="s">
        <v>296</v>
      </c>
      <c r="G81" s="3">
        <v>3</v>
      </c>
      <c r="H81" s="2" t="s">
        <v>71</v>
      </c>
      <c r="I81" s="3">
        <v>2013</v>
      </c>
      <c r="J81" s="2" t="s">
        <v>20</v>
      </c>
      <c r="K81" s="2"/>
      <c r="L81" s="2" t="s">
        <v>297</v>
      </c>
    </row>
    <row r="82" spans="1:12" ht="15.2" customHeight="1">
      <c r="A82" s="2" t="s">
        <v>219</v>
      </c>
      <c r="B82" s="2" t="s">
        <v>141</v>
      </c>
      <c r="C82" s="2" t="s">
        <v>298</v>
      </c>
      <c r="D82" s="2" t="s">
        <v>299</v>
      </c>
      <c r="E82" s="2" t="s">
        <v>295</v>
      </c>
      <c r="F82" s="2" t="s">
        <v>300</v>
      </c>
      <c r="G82" s="3">
        <v>2</v>
      </c>
      <c r="H82" s="2" t="s">
        <v>71</v>
      </c>
      <c r="I82" s="3">
        <v>2013</v>
      </c>
      <c r="J82" s="2" t="s">
        <v>20</v>
      </c>
      <c r="K82" s="2"/>
      <c r="L82" s="2" t="s">
        <v>301</v>
      </c>
    </row>
    <row r="83" spans="1:12" ht="15.2" customHeight="1">
      <c r="A83" s="2" t="s">
        <v>219</v>
      </c>
      <c r="B83" s="2" t="s">
        <v>148</v>
      </c>
      <c r="C83" s="2" t="s">
        <v>302</v>
      </c>
      <c r="D83" s="2" t="s">
        <v>303</v>
      </c>
      <c r="E83" s="2" t="s">
        <v>304</v>
      </c>
      <c r="F83" s="2" t="s">
        <v>305</v>
      </c>
      <c r="G83" s="3">
        <v>7</v>
      </c>
      <c r="H83" s="2" t="s">
        <v>32</v>
      </c>
      <c r="I83" s="3">
        <v>2017</v>
      </c>
      <c r="J83" s="2" t="s">
        <v>20</v>
      </c>
      <c r="K83" s="2"/>
      <c r="L83" s="2" t="s">
        <v>306</v>
      </c>
    </row>
    <row r="84" spans="1:12" ht="15.2" customHeight="1">
      <c r="A84" s="2" t="s">
        <v>219</v>
      </c>
      <c r="B84" s="2" t="s">
        <v>153</v>
      </c>
      <c r="C84" s="2" t="s">
        <v>220</v>
      </c>
      <c r="D84" s="2" t="s">
        <v>221</v>
      </c>
      <c r="E84" s="2" t="s">
        <v>222</v>
      </c>
      <c r="F84" s="2" t="s">
        <v>223</v>
      </c>
      <c r="G84" s="3">
        <v>5</v>
      </c>
      <c r="H84" s="2" t="s">
        <v>19</v>
      </c>
      <c r="I84" s="3">
        <v>2011</v>
      </c>
      <c r="J84" s="2" t="s">
        <v>224</v>
      </c>
      <c r="K84" s="2"/>
      <c r="L84" s="2" t="s">
        <v>225</v>
      </c>
    </row>
    <row r="85" spans="1:12" ht="15.2" customHeight="1">
      <c r="A85" s="2" t="s">
        <v>219</v>
      </c>
      <c r="B85" s="2" t="s">
        <v>160</v>
      </c>
      <c r="C85" s="2" t="s">
        <v>226</v>
      </c>
      <c r="D85" s="2" t="s">
        <v>227</v>
      </c>
      <c r="E85" s="2" t="s">
        <v>222</v>
      </c>
      <c r="F85" s="2" t="s">
        <v>228</v>
      </c>
      <c r="G85" s="3">
        <v>4</v>
      </c>
      <c r="H85" s="2" t="s">
        <v>19</v>
      </c>
      <c r="I85" s="3">
        <v>2011</v>
      </c>
      <c r="J85" s="2" t="s">
        <v>224</v>
      </c>
      <c r="K85" s="2"/>
      <c r="L85" s="2" t="s">
        <v>229</v>
      </c>
    </row>
    <row r="86" spans="1:12" ht="15.2" customHeight="1">
      <c r="A86" s="2" t="s">
        <v>219</v>
      </c>
      <c r="B86" s="2" t="s">
        <v>165</v>
      </c>
      <c r="C86" s="2" t="s">
        <v>276</v>
      </c>
      <c r="D86" s="2" t="s">
        <v>277</v>
      </c>
      <c r="E86" s="2" t="s">
        <v>232</v>
      </c>
      <c r="F86" s="2" t="s">
        <v>278</v>
      </c>
      <c r="G86" s="3">
        <v>1</v>
      </c>
      <c r="H86" s="2" t="s">
        <v>19</v>
      </c>
      <c r="I86" s="3">
        <v>2012</v>
      </c>
      <c r="J86" s="2" t="s">
        <v>20</v>
      </c>
      <c r="K86" s="2"/>
      <c r="L86" s="2" t="s">
        <v>279</v>
      </c>
    </row>
    <row r="87" spans="1:12" ht="15.2" customHeight="1">
      <c r="A87" s="2" t="s">
        <v>219</v>
      </c>
      <c r="B87" s="2" t="s">
        <v>166</v>
      </c>
      <c r="C87" s="2" t="s">
        <v>230</v>
      </c>
      <c r="D87" s="2" t="s">
        <v>231</v>
      </c>
      <c r="E87" s="2" t="s">
        <v>232</v>
      </c>
      <c r="F87" s="2" t="s">
        <v>233</v>
      </c>
      <c r="G87" s="3">
        <v>4</v>
      </c>
      <c r="H87" s="2" t="s">
        <v>19</v>
      </c>
      <c r="I87" s="3">
        <v>2011</v>
      </c>
      <c r="J87" s="2" t="s">
        <v>20</v>
      </c>
      <c r="K87" s="2"/>
      <c r="L87" s="2" t="s">
        <v>234</v>
      </c>
    </row>
    <row r="88" spans="1:12" ht="15.2" customHeight="1">
      <c r="A88" s="2" t="s">
        <v>219</v>
      </c>
      <c r="B88" s="2" t="s">
        <v>167</v>
      </c>
      <c r="C88" s="2"/>
      <c r="D88" s="2"/>
      <c r="E88" s="2" t="s">
        <v>282</v>
      </c>
      <c r="F88" s="2" t="s">
        <v>283</v>
      </c>
      <c r="G88" s="3">
        <v>18</v>
      </c>
      <c r="H88" s="2" t="s">
        <v>19</v>
      </c>
      <c r="I88" s="3">
        <v>2019</v>
      </c>
      <c r="J88" s="2" t="s">
        <v>20</v>
      </c>
      <c r="K88" s="2"/>
      <c r="L88" s="2" t="s">
        <v>284</v>
      </c>
    </row>
    <row r="89" spans="1:12" ht="15.2" customHeight="1">
      <c r="A89" s="2" t="s">
        <v>307</v>
      </c>
      <c r="B89" s="2" t="s">
        <v>14</v>
      </c>
      <c r="C89" s="2" t="s">
        <v>308</v>
      </c>
      <c r="D89" s="2" t="s">
        <v>309</v>
      </c>
      <c r="E89" s="2" t="s">
        <v>222</v>
      </c>
      <c r="F89" s="2" t="s">
        <v>310</v>
      </c>
      <c r="G89" s="3">
        <v>6</v>
      </c>
      <c r="H89" s="2" t="s">
        <v>19</v>
      </c>
      <c r="I89" s="3">
        <v>2011</v>
      </c>
      <c r="J89" s="2" t="s">
        <v>224</v>
      </c>
      <c r="K89" s="2"/>
      <c r="L89" s="2" t="s">
        <v>311</v>
      </c>
    </row>
    <row r="90" spans="1:12" ht="15.2" customHeight="1">
      <c r="A90" s="2" t="s">
        <v>307</v>
      </c>
      <c r="B90" s="2" t="s">
        <v>22</v>
      </c>
      <c r="C90" s="2" t="s">
        <v>220</v>
      </c>
      <c r="D90" s="2" t="s">
        <v>221</v>
      </c>
      <c r="E90" s="2" t="s">
        <v>222</v>
      </c>
      <c r="F90" s="2" t="s">
        <v>223</v>
      </c>
      <c r="G90" s="3">
        <v>5</v>
      </c>
      <c r="H90" s="2" t="s">
        <v>19</v>
      </c>
      <c r="I90" s="3">
        <v>2011</v>
      </c>
      <c r="J90" s="2" t="s">
        <v>224</v>
      </c>
      <c r="K90" s="2"/>
      <c r="L90" s="2" t="s">
        <v>225</v>
      </c>
    </row>
    <row r="91" spans="1:12" ht="15.2" customHeight="1">
      <c r="A91" s="2" t="s">
        <v>307</v>
      </c>
      <c r="B91" s="2" t="s">
        <v>27</v>
      </c>
      <c r="C91" s="2" t="s">
        <v>276</v>
      </c>
      <c r="D91" s="2" t="s">
        <v>277</v>
      </c>
      <c r="E91" s="2" t="s">
        <v>232</v>
      </c>
      <c r="F91" s="2" t="s">
        <v>278</v>
      </c>
      <c r="G91" s="3">
        <v>1</v>
      </c>
      <c r="H91" s="2" t="s">
        <v>19</v>
      </c>
      <c r="I91" s="3">
        <v>2012</v>
      </c>
      <c r="J91" s="2" t="s">
        <v>20</v>
      </c>
      <c r="K91" s="2"/>
      <c r="L91" s="2" t="s">
        <v>279</v>
      </c>
    </row>
    <row r="92" spans="1:12" ht="15.2" customHeight="1">
      <c r="A92" s="2" t="s">
        <v>307</v>
      </c>
      <c r="B92" s="2" t="s">
        <v>34</v>
      </c>
      <c r="C92" s="2" t="s">
        <v>28</v>
      </c>
      <c r="D92" s="2" t="s">
        <v>29</v>
      </c>
      <c r="E92" s="2" t="s">
        <v>30</v>
      </c>
      <c r="F92" s="2" t="s">
        <v>31</v>
      </c>
      <c r="G92" s="3">
        <v>2</v>
      </c>
      <c r="H92" s="2" t="s">
        <v>32</v>
      </c>
      <c r="I92" s="3">
        <v>2019</v>
      </c>
      <c r="J92" s="2" t="s">
        <v>20</v>
      </c>
      <c r="K92" s="2"/>
      <c r="L92" s="2" t="s">
        <v>33</v>
      </c>
    </row>
    <row r="93" spans="1:12" ht="15.2" customHeight="1">
      <c r="A93" s="2" t="s">
        <v>307</v>
      </c>
      <c r="B93" s="2" t="s">
        <v>235</v>
      </c>
      <c r="C93" s="2" t="s">
        <v>35</v>
      </c>
      <c r="D93" s="2" t="s">
        <v>36</v>
      </c>
      <c r="E93" s="2" t="s">
        <v>30</v>
      </c>
      <c r="F93" s="2" t="s">
        <v>37</v>
      </c>
      <c r="G93" s="3">
        <v>3</v>
      </c>
      <c r="H93" s="2" t="s">
        <v>32</v>
      </c>
      <c r="I93" s="3">
        <v>2019</v>
      </c>
      <c r="J93" s="2" t="s">
        <v>20</v>
      </c>
      <c r="K93" s="2"/>
      <c r="L93" s="2" t="s">
        <v>38</v>
      </c>
    </row>
    <row r="94" spans="1:12" ht="15.2" customHeight="1">
      <c r="A94" s="2" t="s">
        <v>307</v>
      </c>
      <c r="B94" s="2" t="s">
        <v>236</v>
      </c>
      <c r="C94" s="2" t="s">
        <v>40</v>
      </c>
      <c r="D94" s="2" t="s">
        <v>41</v>
      </c>
      <c r="E94" s="2" t="s">
        <v>30</v>
      </c>
      <c r="F94" s="2" t="s">
        <v>42</v>
      </c>
      <c r="G94" s="3">
        <v>4</v>
      </c>
      <c r="H94" s="2" t="s">
        <v>32</v>
      </c>
      <c r="I94" s="3">
        <v>2019</v>
      </c>
      <c r="J94" s="2" t="s">
        <v>20</v>
      </c>
      <c r="K94" s="2"/>
      <c r="L94" s="2" t="s">
        <v>43</v>
      </c>
    </row>
    <row r="95" spans="1:12" ht="15.2" customHeight="1">
      <c r="A95" s="2" t="s">
        <v>307</v>
      </c>
      <c r="B95" s="2" t="s">
        <v>237</v>
      </c>
      <c r="C95" s="2" t="s">
        <v>312</v>
      </c>
      <c r="D95" s="2" t="s">
        <v>313</v>
      </c>
      <c r="E95" s="2" t="s">
        <v>240</v>
      </c>
      <c r="F95" s="2" t="s">
        <v>314</v>
      </c>
      <c r="G95" s="3">
        <v>2</v>
      </c>
      <c r="H95" s="2" t="s">
        <v>32</v>
      </c>
      <c r="I95" s="3">
        <v>2020</v>
      </c>
      <c r="J95" s="2" t="s">
        <v>20</v>
      </c>
      <c r="K95" s="2"/>
      <c r="L95" s="2" t="s">
        <v>315</v>
      </c>
    </row>
    <row r="96" spans="1:12" ht="15.2" customHeight="1">
      <c r="A96" s="2" t="s">
        <v>307</v>
      </c>
      <c r="B96" s="2" t="s">
        <v>243</v>
      </c>
      <c r="C96" s="2" t="s">
        <v>238</v>
      </c>
      <c r="D96" s="2" t="s">
        <v>239</v>
      </c>
      <c r="E96" s="2" t="s">
        <v>240</v>
      </c>
      <c r="F96" s="2" t="s">
        <v>241</v>
      </c>
      <c r="G96" s="3">
        <v>1</v>
      </c>
      <c r="H96" s="2" t="s">
        <v>19</v>
      </c>
      <c r="I96" s="3">
        <v>2020</v>
      </c>
      <c r="J96" s="2" t="s">
        <v>20</v>
      </c>
      <c r="K96" s="2"/>
      <c r="L96" s="2" t="s">
        <v>242</v>
      </c>
    </row>
    <row r="97" spans="1:12" ht="15.2" customHeight="1">
      <c r="A97" s="2" t="s">
        <v>307</v>
      </c>
      <c r="B97" s="2" t="s">
        <v>248</v>
      </c>
      <c r="C97" s="2" t="s">
        <v>316</v>
      </c>
      <c r="D97" s="2" t="s">
        <v>317</v>
      </c>
      <c r="E97" s="2" t="s">
        <v>318</v>
      </c>
      <c r="F97" s="2" t="s">
        <v>319</v>
      </c>
      <c r="G97" s="3">
        <v>1</v>
      </c>
      <c r="H97" s="2" t="s">
        <v>123</v>
      </c>
      <c r="I97" s="3">
        <v>2008</v>
      </c>
      <c r="J97" s="2" t="s">
        <v>20</v>
      </c>
      <c r="K97" s="2"/>
      <c r="L97" s="2" t="s">
        <v>320</v>
      </c>
    </row>
    <row r="98" spans="1:12" ht="15.2" customHeight="1">
      <c r="A98" s="2" t="s">
        <v>307</v>
      </c>
      <c r="B98" s="2" t="s">
        <v>253</v>
      </c>
      <c r="C98" s="2" t="s">
        <v>321</v>
      </c>
      <c r="D98" s="2" t="s">
        <v>322</v>
      </c>
      <c r="E98" s="2" t="s">
        <v>323</v>
      </c>
      <c r="F98" s="2" t="s">
        <v>324</v>
      </c>
      <c r="G98" s="3">
        <v>1</v>
      </c>
      <c r="H98" s="2" t="s">
        <v>32</v>
      </c>
      <c r="I98" s="3">
        <v>2016</v>
      </c>
      <c r="J98" s="2" t="s">
        <v>158</v>
      </c>
      <c r="K98" s="2"/>
      <c r="L98" s="2" t="s">
        <v>325</v>
      </c>
    </row>
    <row r="99" spans="1:12" ht="15.2" customHeight="1">
      <c r="A99" s="2" t="s">
        <v>307</v>
      </c>
      <c r="B99" s="2" t="s">
        <v>259</v>
      </c>
      <c r="C99" s="2" t="s">
        <v>326</v>
      </c>
      <c r="D99" s="2" t="s">
        <v>327</v>
      </c>
      <c r="E99" s="2" t="s">
        <v>323</v>
      </c>
      <c r="F99" s="2" t="s">
        <v>328</v>
      </c>
      <c r="G99" s="3">
        <v>2</v>
      </c>
      <c r="H99" s="2" t="s">
        <v>32</v>
      </c>
      <c r="I99" s="3">
        <v>2016</v>
      </c>
      <c r="J99" s="2" t="s">
        <v>158</v>
      </c>
      <c r="K99" s="2"/>
      <c r="L99" s="2" t="s">
        <v>329</v>
      </c>
    </row>
    <row r="100" spans="1:12" ht="15.2" customHeight="1">
      <c r="A100" s="2" t="s">
        <v>307</v>
      </c>
      <c r="B100" s="2" t="s">
        <v>265</v>
      </c>
      <c r="C100" s="2" t="s">
        <v>330</v>
      </c>
      <c r="D100" s="2" t="s">
        <v>331</v>
      </c>
      <c r="E100" s="2" t="s">
        <v>323</v>
      </c>
      <c r="F100" s="2" t="s">
        <v>332</v>
      </c>
      <c r="G100" s="3">
        <v>3</v>
      </c>
      <c r="H100" s="2" t="s">
        <v>32</v>
      </c>
      <c r="I100" s="3">
        <v>2016</v>
      </c>
      <c r="J100" s="2" t="s">
        <v>158</v>
      </c>
      <c r="K100" s="2"/>
      <c r="L100" s="2" t="s">
        <v>333</v>
      </c>
    </row>
    <row r="101" spans="1:12" ht="15.2" customHeight="1">
      <c r="A101" s="2" t="s">
        <v>307</v>
      </c>
      <c r="B101" s="2" t="s">
        <v>270</v>
      </c>
      <c r="C101" s="2" t="s">
        <v>334</v>
      </c>
      <c r="D101" s="2" t="s">
        <v>335</v>
      </c>
      <c r="E101" s="2" t="s">
        <v>323</v>
      </c>
      <c r="F101" s="2" t="s">
        <v>336</v>
      </c>
      <c r="G101" s="3">
        <v>4</v>
      </c>
      <c r="H101" s="2" t="s">
        <v>32</v>
      </c>
      <c r="I101" s="3">
        <v>2016</v>
      </c>
      <c r="J101" s="2" t="s">
        <v>158</v>
      </c>
      <c r="K101" s="2"/>
      <c r="L101" s="2" t="s">
        <v>337</v>
      </c>
    </row>
    <row r="102" spans="1:12" ht="15.2" customHeight="1">
      <c r="A102" s="2" t="s">
        <v>307</v>
      </c>
      <c r="B102" s="2" t="s">
        <v>275</v>
      </c>
      <c r="C102" s="2" t="s">
        <v>338</v>
      </c>
      <c r="D102" s="2" t="s">
        <v>339</v>
      </c>
      <c r="E102" s="2" t="s">
        <v>232</v>
      </c>
      <c r="F102" s="2" t="s">
        <v>340</v>
      </c>
      <c r="G102" s="3">
        <v>2</v>
      </c>
      <c r="H102" s="2" t="s">
        <v>19</v>
      </c>
      <c r="I102" s="3">
        <v>2012</v>
      </c>
      <c r="J102" s="2" t="s">
        <v>20</v>
      </c>
      <c r="K102" s="2"/>
      <c r="L102" s="2" t="s">
        <v>341</v>
      </c>
    </row>
    <row r="103" spans="1:12" ht="15.2" customHeight="1">
      <c r="A103" s="2" t="s">
        <v>307</v>
      </c>
      <c r="B103" s="2" t="s">
        <v>280</v>
      </c>
      <c r="C103" s="2" t="s">
        <v>276</v>
      </c>
      <c r="D103" s="2" t="s">
        <v>277</v>
      </c>
      <c r="E103" s="2" t="s">
        <v>232</v>
      </c>
      <c r="F103" s="2" t="s">
        <v>278</v>
      </c>
      <c r="G103" s="3">
        <v>1</v>
      </c>
      <c r="H103" s="2" t="s">
        <v>19</v>
      </c>
      <c r="I103" s="3">
        <v>2012</v>
      </c>
      <c r="J103" s="2" t="s">
        <v>20</v>
      </c>
      <c r="K103" s="2"/>
      <c r="L103" s="2" t="s">
        <v>279</v>
      </c>
    </row>
    <row r="104" spans="1:12" ht="15.2" customHeight="1">
      <c r="A104" s="2" t="s">
        <v>307</v>
      </c>
      <c r="B104" s="2" t="s">
        <v>281</v>
      </c>
      <c r="C104" s="2" t="s">
        <v>312</v>
      </c>
      <c r="D104" s="2" t="s">
        <v>313</v>
      </c>
      <c r="E104" s="2" t="s">
        <v>240</v>
      </c>
      <c r="F104" s="2" t="s">
        <v>314</v>
      </c>
      <c r="G104" s="3">
        <v>2</v>
      </c>
      <c r="H104" s="2" t="s">
        <v>32</v>
      </c>
      <c r="I104" s="3">
        <v>2020</v>
      </c>
      <c r="J104" s="2" t="s">
        <v>20</v>
      </c>
      <c r="K104" s="2"/>
      <c r="L104" s="2" t="s">
        <v>315</v>
      </c>
    </row>
    <row r="105" spans="1:12" ht="15.2" customHeight="1">
      <c r="A105" s="2" t="s">
        <v>307</v>
      </c>
      <c r="B105" s="2" t="s">
        <v>108</v>
      </c>
      <c r="C105" s="2" t="s">
        <v>238</v>
      </c>
      <c r="D105" s="2" t="s">
        <v>239</v>
      </c>
      <c r="E105" s="2" t="s">
        <v>240</v>
      </c>
      <c r="F105" s="2" t="s">
        <v>241</v>
      </c>
      <c r="G105" s="3">
        <v>1</v>
      </c>
      <c r="H105" s="2" t="s">
        <v>19</v>
      </c>
      <c r="I105" s="3">
        <v>2020</v>
      </c>
      <c r="J105" s="2" t="s">
        <v>20</v>
      </c>
      <c r="K105" s="2"/>
      <c r="L105" s="2" t="s">
        <v>242</v>
      </c>
    </row>
    <row r="106" spans="1:12" ht="15.2" customHeight="1">
      <c r="A106" s="2" t="s">
        <v>307</v>
      </c>
      <c r="B106" s="2" t="s">
        <v>114</v>
      </c>
      <c r="C106" s="2" t="s">
        <v>342</v>
      </c>
      <c r="D106" s="2" t="s">
        <v>343</v>
      </c>
      <c r="E106" s="2" t="s">
        <v>30</v>
      </c>
      <c r="F106" s="2" t="s">
        <v>344</v>
      </c>
      <c r="G106" s="3">
        <v>5</v>
      </c>
      <c r="H106" s="2" t="s">
        <v>32</v>
      </c>
      <c r="I106" s="3">
        <v>2019</v>
      </c>
      <c r="J106" s="2" t="s">
        <v>20</v>
      </c>
      <c r="K106" s="2"/>
      <c r="L106" s="2" t="s">
        <v>345</v>
      </c>
    </row>
    <row r="107" spans="1:12" ht="15.2" customHeight="1">
      <c r="A107" s="2" t="s">
        <v>307</v>
      </c>
      <c r="B107" s="2" t="s">
        <v>119</v>
      </c>
      <c r="C107" s="2" t="s">
        <v>346</v>
      </c>
      <c r="D107" s="2" t="s">
        <v>347</v>
      </c>
      <c r="E107" s="2" t="s">
        <v>30</v>
      </c>
      <c r="F107" s="2" t="s">
        <v>348</v>
      </c>
      <c r="G107" s="3">
        <v>6</v>
      </c>
      <c r="H107" s="2" t="s">
        <v>32</v>
      </c>
      <c r="I107" s="3">
        <v>2019</v>
      </c>
      <c r="J107" s="2" t="s">
        <v>20</v>
      </c>
      <c r="K107" s="2"/>
      <c r="L107" s="2" t="s">
        <v>349</v>
      </c>
    </row>
    <row r="108" spans="1:12" ht="15.2" customHeight="1">
      <c r="A108" s="2" t="s">
        <v>307</v>
      </c>
      <c r="B108" s="2" t="s">
        <v>125</v>
      </c>
      <c r="C108" s="2" t="s">
        <v>350</v>
      </c>
      <c r="D108" s="2" t="s">
        <v>351</v>
      </c>
      <c r="E108" s="2" t="s">
        <v>352</v>
      </c>
      <c r="F108" s="2" t="s">
        <v>353</v>
      </c>
      <c r="G108" s="3">
        <v>1</v>
      </c>
      <c r="H108" s="2" t="s">
        <v>32</v>
      </c>
      <c r="I108" s="3">
        <v>2017</v>
      </c>
      <c r="J108" s="2" t="s">
        <v>20</v>
      </c>
      <c r="K108" s="2"/>
      <c r="L108" s="2" t="s">
        <v>354</v>
      </c>
    </row>
    <row r="109" spans="1:12" ht="15.2" customHeight="1">
      <c r="A109" s="2" t="s">
        <v>307</v>
      </c>
      <c r="B109" s="2" t="s">
        <v>131</v>
      </c>
      <c r="C109" s="2" t="s">
        <v>355</v>
      </c>
      <c r="D109" s="2" t="s">
        <v>356</v>
      </c>
      <c r="E109" s="2" t="s">
        <v>30</v>
      </c>
      <c r="F109" s="2" t="s">
        <v>357</v>
      </c>
      <c r="G109" s="3">
        <v>3</v>
      </c>
      <c r="H109" s="2" t="s">
        <v>32</v>
      </c>
      <c r="I109" s="3">
        <v>2015</v>
      </c>
      <c r="J109" s="2" t="s">
        <v>49</v>
      </c>
      <c r="K109" s="2"/>
      <c r="L109" s="2" t="s">
        <v>358</v>
      </c>
    </row>
    <row r="110" spans="1:12" ht="15.2" customHeight="1">
      <c r="A110" s="2" t="s">
        <v>307</v>
      </c>
      <c r="B110" s="2" t="s">
        <v>136</v>
      </c>
      <c r="C110" s="2" t="s">
        <v>359</v>
      </c>
      <c r="D110" s="2" t="s">
        <v>360</v>
      </c>
      <c r="E110" s="2" t="s">
        <v>361</v>
      </c>
      <c r="F110" s="2" t="s">
        <v>362</v>
      </c>
      <c r="G110" s="3">
        <v>1</v>
      </c>
      <c r="H110" s="2" t="s">
        <v>363</v>
      </c>
      <c r="I110" s="3">
        <v>2009</v>
      </c>
      <c r="J110" s="2" t="s">
        <v>20</v>
      </c>
      <c r="K110" s="2"/>
      <c r="L110" s="2" t="s">
        <v>364</v>
      </c>
    </row>
    <row r="111" spans="1:12" ht="15.2" customHeight="1">
      <c r="A111" s="2" t="s">
        <v>307</v>
      </c>
      <c r="B111" s="2" t="s">
        <v>141</v>
      </c>
      <c r="C111" s="2" t="s">
        <v>293</v>
      </c>
      <c r="D111" s="2" t="s">
        <v>294</v>
      </c>
      <c r="E111" s="2" t="s">
        <v>295</v>
      </c>
      <c r="F111" s="2" t="s">
        <v>296</v>
      </c>
      <c r="G111" s="3">
        <v>3</v>
      </c>
      <c r="H111" s="2" t="s">
        <v>71</v>
      </c>
      <c r="I111" s="3">
        <v>2013</v>
      </c>
      <c r="J111" s="2" t="s">
        <v>20</v>
      </c>
      <c r="K111" s="2"/>
      <c r="L111" s="2" t="s">
        <v>297</v>
      </c>
    </row>
    <row r="112" spans="1:12" ht="15.2" customHeight="1">
      <c r="A112" s="2" t="s">
        <v>307</v>
      </c>
      <c r="B112" s="2" t="s">
        <v>148</v>
      </c>
      <c r="C112" s="2" t="s">
        <v>365</v>
      </c>
      <c r="D112" s="2" t="s">
        <v>366</v>
      </c>
      <c r="E112" s="2" t="s">
        <v>304</v>
      </c>
      <c r="F112" s="2" t="s">
        <v>367</v>
      </c>
      <c r="G112" s="3">
        <v>8</v>
      </c>
      <c r="H112" s="2" t="s">
        <v>32</v>
      </c>
      <c r="I112" s="3">
        <v>2017</v>
      </c>
      <c r="J112" s="2" t="s">
        <v>20</v>
      </c>
      <c r="K112" s="2"/>
      <c r="L112" s="2" t="s">
        <v>368</v>
      </c>
    </row>
    <row r="113" spans="1:12" ht="15.2" customHeight="1">
      <c r="A113" s="2" t="s">
        <v>307</v>
      </c>
      <c r="B113" s="2" t="s">
        <v>153</v>
      </c>
      <c r="C113" s="2" t="s">
        <v>308</v>
      </c>
      <c r="D113" s="2" t="s">
        <v>309</v>
      </c>
      <c r="E113" s="2" t="s">
        <v>222</v>
      </c>
      <c r="F113" s="2" t="s">
        <v>310</v>
      </c>
      <c r="G113" s="3">
        <v>6</v>
      </c>
      <c r="H113" s="2" t="s">
        <v>19</v>
      </c>
      <c r="I113" s="3">
        <v>2011</v>
      </c>
      <c r="J113" s="2" t="s">
        <v>224</v>
      </c>
      <c r="K113" s="2"/>
      <c r="L113" s="2" t="s">
        <v>311</v>
      </c>
    </row>
    <row r="114" spans="1:12" ht="15.2" customHeight="1">
      <c r="A114" s="2" t="s">
        <v>307</v>
      </c>
      <c r="B114" s="2" t="s">
        <v>160</v>
      </c>
      <c r="C114" s="2" t="s">
        <v>220</v>
      </c>
      <c r="D114" s="2" t="s">
        <v>221</v>
      </c>
      <c r="E114" s="2" t="s">
        <v>222</v>
      </c>
      <c r="F114" s="2" t="s">
        <v>223</v>
      </c>
      <c r="G114" s="3">
        <v>5</v>
      </c>
      <c r="H114" s="2" t="s">
        <v>19</v>
      </c>
      <c r="I114" s="3">
        <v>2011</v>
      </c>
      <c r="J114" s="2" t="s">
        <v>224</v>
      </c>
      <c r="K114" s="2"/>
      <c r="L114" s="2" t="s">
        <v>225</v>
      </c>
    </row>
    <row r="115" spans="1:12" ht="15.2" customHeight="1">
      <c r="A115" s="2" t="s">
        <v>307</v>
      </c>
      <c r="B115" s="2" t="s">
        <v>165</v>
      </c>
      <c r="C115" s="2" t="s">
        <v>338</v>
      </c>
      <c r="D115" s="2" t="s">
        <v>339</v>
      </c>
      <c r="E115" s="2" t="s">
        <v>232</v>
      </c>
      <c r="F115" s="2" t="s">
        <v>340</v>
      </c>
      <c r="G115" s="3">
        <v>2</v>
      </c>
      <c r="H115" s="2" t="s">
        <v>19</v>
      </c>
      <c r="I115" s="3">
        <v>2012</v>
      </c>
      <c r="J115" s="2" t="s">
        <v>20</v>
      </c>
      <c r="K115" s="2"/>
      <c r="L115" s="2" t="s">
        <v>341</v>
      </c>
    </row>
    <row r="116" spans="1:12" ht="15.2" customHeight="1">
      <c r="A116" s="2" t="s">
        <v>307</v>
      </c>
      <c r="B116" s="2" t="s">
        <v>166</v>
      </c>
      <c r="C116" s="2" t="s">
        <v>276</v>
      </c>
      <c r="D116" s="2" t="s">
        <v>277</v>
      </c>
      <c r="E116" s="2" t="s">
        <v>232</v>
      </c>
      <c r="F116" s="2" t="s">
        <v>278</v>
      </c>
      <c r="G116" s="3">
        <v>1</v>
      </c>
      <c r="H116" s="2" t="s">
        <v>19</v>
      </c>
      <c r="I116" s="3">
        <v>2012</v>
      </c>
      <c r="J116" s="2" t="s">
        <v>20</v>
      </c>
      <c r="K116" s="2"/>
      <c r="L116" s="2" t="s">
        <v>279</v>
      </c>
    </row>
    <row r="117" spans="1:12" ht="15.2" customHeight="1">
      <c r="A117" s="2" t="s">
        <v>307</v>
      </c>
      <c r="B117" s="2" t="s">
        <v>167</v>
      </c>
      <c r="C117" s="2" t="s">
        <v>342</v>
      </c>
      <c r="D117" s="2" t="s">
        <v>343</v>
      </c>
      <c r="E117" s="2" t="s">
        <v>30</v>
      </c>
      <c r="F117" s="2" t="s">
        <v>344</v>
      </c>
      <c r="G117" s="3">
        <v>5</v>
      </c>
      <c r="H117" s="2" t="s">
        <v>32</v>
      </c>
      <c r="I117" s="3">
        <v>2019</v>
      </c>
      <c r="J117" s="2" t="s">
        <v>20</v>
      </c>
      <c r="K117" s="2"/>
      <c r="L117" s="2" t="s">
        <v>345</v>
      </c>
    </row>
    <row r="118" spans="1:12" ht="15.2" customHeight="1">
      <c r="A118" s="2" t="s">
        <v>369</v>
      </c>
      <c r="B118" s="2" t="s">
        <v>14</v>
      </c>
      <c r="C118" s="2" t="s">
        <v>370</v>
      </c>
      <c r="D118" s="2" t="s">
        <v>371</v>
      </c>
      <c r="E118" s="2" t="s">
        <v>222</v>
      </c>
      <c r="F118" s="2" t="s">
        <v>372</v>
      </c>
      <c r="G118" s="3">
        <v>7</v>
      </c>
      <c r="H118" s="2" t="s">
        <v>19</v>
      </c>
      <c r="I118" s="3">
        <v>2011</v>
      </c>
      <c r="J118" s="2" t="s">
        <v>224</v>
      </c>
      <c r="K118" s="2"/>
      <c r="L118" s="2" t="s">
        <v>373</v>
      </c>
    </row>
    <row r="119" spans="1:12" ht="15.2" customHeight="1">
      <c r="A119" s="2" t="s">
        <v>369</v>
      </c>
      <c r="B119" s="2" t="s">
        <v>22</v>
      </c>
      <c r="C119" s="2" t="s">
        <v>308</v>
      </c>
      <c r="D119" s="2" t="s">
        <v>309</v>
      </c>
      <c r="E119" s="2" t="s">
        <v>222</v>
      </c>
      <c r="F119" s="2" t="s">
        <v>310</v>
      </c>
      <c r="G119" s="3">
        <v>6</v>
      </c>
      <c r="H119" s="2" t="s">
        <v>19</v>
      </c>
      <c r="I119" s="3">
        <v>2011</v>
      </c>
      <c r="J119" s="2" t="s">
        <v>224</v>
      </c>
      <c r="K119" s="2"/>
      <c r="L119" s="2" t="s">
        <v>311</v>
      </c>
    </row>
    <row r="120" spans="1:12" ht="15.2" customHeight="1">
      <c r="A120" s="2" t="s">
        <v>369</v>
      </c>
      <c r="B120" s="2" t="s">
        <v>27</v>
      </c>
      <c r="C120" s="2" t="s">
        <v>338</v>
      </c>
      <c r="D120" s="2" t="s">
        <v>339</v>
      </c>
      <c r="E120" s="2" t="s">
        <v>232</v>
      </c>
      <c r="F120" s="2" t="s">
        <v>340</v>
      </c>
      <c r="G120" s="3">
        <v>2</v>
      </c>
      <c r="H120" s="2" t="s">
        <v>19</v>
      </c>
      <c r="I120" s="3">
        <v>2012</v>
      </c>
      <c r="J120" s="2" t="s">
        <v>20</v>
      </c>
      <c r="K120" s="2"/>
      <c r="L120" s="2" t="s">
        <v>341</v>
      </c>
    </row>
    <row r="121" spans="1:12" ht="15.2" customHeight="1">
      <c r="A121" s="2" t="s">
        <v>369</v>
      </c>
      <c r="B121" s="2" t="s">
        <v>34</v>
      </c>
      <c r="C121" s="2"/>
      <c r="D121" s="2" t="s">
        <v>68</v>
      </c>
      <c r="E121" s="2" t="s">
        <v>69</v>
      </c>
      <c r="F121" s="2" t="s">
        <v>70</v>
      </c>
      <c r="G121" s="3">
        <v>1</v>
      </c>
      <c r="H121" s="2" t="s">
        <v>71</v>
      </c>
      <c r="I121" s="3">
        <v>2019</v>
      </c>
      <c r="J121" s="2" t="s">
        <v>72</v>
      </c>
      <c r="K121" s="2"/>
      <c r="L121" s="2" t="s">
        <v>73</v>
      </c>
    </row>
    <row r="122" spans="1:12" ht="15.2" customHeight="1">
      <c r="A122" s="2" t="s">
        <v>369</v>
      </c>
      <c r="B122" s="2" t="s">
        <v>235</v>
      </c>
      <c r="C122" s="2"/>
      <c r="D122" s="2" t="s">
        <v>75</v>
      </c>
      <c r="E122" s="2" t="s">
        <v>69</v>
      </c>
      <c r="F122" s="2" t="s">
        <v>76</v>
      </c>
      <c r="G122" s="3">
        <v>2</v>
      </c>
      <c r="H122" s="2" t="s">
        <v>71</v>
      </c>
      <c r="I122" s="3">
        <v>2019</v>
      </c>
      <c r="J122" s="2" t="s">
        <v>72</v>
      </c>
      <c r="K122" s="2"/>
      <c r="L122" s="2" t="s">
        <v>77</v>
      </c>
    </row>
    <row r="123" spans="1:12" ht="15.2" customHeight="1">
      <c r="A123" s="2" t="s">
        <v>369</v>
      </c>
      <c r="B123" s="2" t="s">
        <v>236</v>
      </c>
      <c r="C123" s="2" t="s">
        <v>79</v>
      </c>
      <c r="D123" s="2" t="s">
        <v>80</v>
      </c>
      <c r="E123" s="2" t="s">
        <v>81</v>
      </c>
      <c r="F123" s="2" t="s">
        <v>82</v>
      </c>
      <c r="G123" s="3">
        <v>1</v>
      </c>
      <c r="H123" s="2" t="s">
        <v>19</v>
      </c>
      <c r="I123" s="3">
        <v>2012</v>
      </c>
      <c r="J123" s="2" t="s">
        <v>20</v>
      </c>
      <c r="K123" s="2"/>
      <c r="L123" s="2" t="s">
        <v>83</v>
      </c>
    </row>
    <row r="124" spans="1:12" ht="15.2" customHeight="1">
      <c r="A124" s="2" t="s">
        <v>369</v>
      </c>
      <c r="B124" s="2" t="s">
        <v>237</v>
      </c>
      <c r="C124" s="2" t="s">
        <v>374</v>
      </c>
      <c r="D124" s="2" t="s">
        <v>375</v>
      </c>
      <c r="E124" s="2" t="s">
        <v>240</v>
      </c>
      <c r="F124" s="2" t="s">
        <v>376</v>
      </c>
      <c r="G124" s="3">
        <v>3</v>
      </c>
      <c r="H124" s="2" t="s">
        <v>32</v>
      </c>
      <c r="I124" s="3">
        <v>2020</v>
      </c>
      <c r="J124" s="2" t="s">
        <v>20</v>
      </c>
      <c r="K124" s="2"/>
      <c r="L124" s="2" t="s">
        <v>377</v>
      </c>
    </row>
    <row r="125" spans="1:12" ht="15.2" customHeight="1">
      <c r="A125" s="2" t="s">
        <v>369</v>
      </c>
      <c r="B125" s="2" t="s">
        <v>243</v>
      </c>
      <c r="C125" s="2" t="s">
        <v>312</v>
      </c>
      <c r="D125" s="2" t="s">
        <v>313</v>
      </c>
      <c r="E125" s="2" t="s">
        <v>240</v>
      </c>
      <c r="F125" s="2" t="s">
        <v>314</v>
      </c>
      <c r="G125" s="3">
        <v>2</v>
      </c>
      <c r="H125" s="2" t="s">
        <v>32</v>
      </c>
      <c r="I125" s="3">
        <v>2020</v>
      </c>
      <c r="J125" s="2" t="s">
        <v>20</v>
      </c>
      <c r="K125" s="2"/>
      <c r="L125" s="2" t="s">
        <v>315</v>
      </c>
    </row>
    <row r="126" spans="1:12" ht="15.2" customHeight="1">
      <c r="A126" s="2" t="s">
        <v>369</v>
      </c>
      <c r="B126" s="2" t="s">
        <v>248</v>
      </c>
      <c r="C126" s="2" t="s">
        <v>378</v>
      </c>
      <c r="D126" s="2" t="s">
        <v>379</v>
      </c>
      <c r="E126" s="2" t="s">
        <v>171</v>
      </c>
      <c r="F126" s="2" t="s">
        <v>380</v>
      </c>
      <c r="G126" s="3">
        <v>1</v>
      </c>
      <c r="H126" s="2" t="s">
        <v>96</v>
      </c>
      <c r="I126" s="3">
        <v>2018</v>
      </c>
      <c r="J126" s="2" t="s">
        <v>20</v>
      </c>
      <c r="K126" s="2"/>
      <c r="L126" s="2" t="s">
        <v>381</v>
      </c>
    </row>
    <row r="127" spans="1:12" ht="15.2" customHeight="1">
      <c r="A127" s="2" t="s">
        <v>369</v>
      </c>
      <c r="B127" s="2" t="s">
        <v>253</v>
      </c>
      <c r="C127" s="2" t="s">
        <v>382</v>
      </c>
      <c r="D127" s="2" t="s">
        <v>383</v>
      </c>
      <c r="E127" s="2" t="s">
        <v>171</v>
      </c>
      <c r="F127" s="2" t="s">
        <v>384</v>
      </c>
      <c r="G127" s="3">
        <v>2</v>
      </c>
      <c r="H127" s="2" t="s">
        <v>32</v>
      </c>
      <c r="I127" s="3">
        <v>2018</v>
      </c>
      <c r="J127" s="2" t="s">
        <v>20</v>
      </c>
      <c r="K127" s="2"/>
      <c r="L127" s="2" t="s">
        <v>385</v>
      </c>
    </row>
    <row r="128" spans="1:12" ht="15.2" customHeight="1">
      <c r="A128" s="2" t="s">
        <v>369</v>
      </c>
      <c r="B128" s="2" t="s">
        <v>259</v>
      </c>
      <c r="C128" s="2" t="s">
        <v>386</v>
      </c>
      <c r="D128" s="2" t="s">
        <v>387</v>
      </c>
      <c r="E128" s="2" t="s">
        <v>171</v>
      </c>
      <c r="F128" s="2" t="s">
        <v>388</v>
      </c>
      <c r="G128" s="3">
        <v>3</v>
      </c>
      <c r="H128" s="2" t="s">
        <v>96</v>
      </c>
      <c r="I128" s="3">
        <v>2018</v>
      </c>
      <c r="J128" s="2" t="s">
        <v>20</v>
      </c>
      <c r="K128" s="2"/>
      <c r="L128" s="2" t="s">
        <v>389</v>
      </c>
    </row>
    <row r="129" spans="1:12" ht="15.2" customHeight="1">
      <c r="A129" s="2" t="s">
        <v>369</v>
      </c>
      <c r="B129" s="2" t="s">
        <v>265</v>
      </c>
      <c r="C129" s="2" t="s">
        <v>390</v>
      </c>
      <c r="D129" s="2" t="s">
        <v>391</v>
      </c>
      <c r="E129" s="2" t="s">
        <v>171</v>
      </c>
      <c r="F129" s="2" t="s">
        <v>392</v>
      </c>
      <c r="G129" s="3">
        <v>4</v>
      </c>
      <c r="H129" s="2" t="s">
        <v>96</v>
      </c>
      <c r="I129" s="3">
        <v>2018</v>
      </c>
      <c r="J129" s="2" t="s">
        <v>20</v>
      </c>
      <c r="K129" s="2"/>
      <c r="L129" s="2" t="s">
        <v>393</v>
      </c>
    </row>
    <row r="130" spans="1:12" ht="15.2" customHeight="1">
      <c r="A130" s="2" t="s">
        <v>369</v>
      </c>
      <c r="B130" s="2" t="s">
        <v>270</v>
      </c>
      <c r="C130" s="2" t="s">
        <v>394</v>
      </c>
      <c r="D130" s="2" t="s">
        <v>395</v>
      </c>
      <c r="E130" s="2" t="s">
        <v>171</v>
      </c>
      <c r="F130" s="2" t="s">
        <v>396</v>
      </c>
      <c r="G130" s="3">
        <v>5</v>
      </c>
      <c r="H130" s="2" t="s">
        <v>96</v>
      </c>
      <c r="I130" s="3">
        <v>2018</v>
      </c>
      <c r="J130" s="2" t="s">
        <v>20</v>
      </c>
      <c r="K130" s="2"/>
      <c r="L130" s="2" t="s">
        <v>397</v>
      </c>
    </row>
    <row r="131" spans="1:12" ht="15.2" customHeight="1">
      <c r="A131" s="2" t="s">
        <v>369</v>
      </c>
      <c r="B131" s="2" t="s">
        <v>275</v>
      </c>
      <c r="C131" s="2" t="s">
        <v>398</v>
      </c>
      <c r="D131" s="2" t="s">
        <v>399</v>
      </c>
      <c r="E131" s="2" t="s">
        <v>232</v>
      </c>
      <c r="F131" s="2" t="s">
        <v>400</v>
      </c>
      <c r="G131" s="3">
        <v>3</v>
      </c>
      <c r="H131" s="2" t="s">
        <v>19</v>
      </c>
      <c r="I131" s="3">
        <v>2012</v>
      </c>
      <c r="J131" s="2" t="s">
        <v>20</v>
      </c>
      <c r="K131" s="2"/>
      <c r="L131" s="2" t="s">
        <v>401</v>
      </c>
    </row>
    <row r="132" spans="1:12" ht="15.2" customHeight="1">
      <c r="A132" s="2" t="s">
        <v>369</v>
      </c>
      <c r="B132" s="2" t="s">
        <v>280</v>
      </c>
      <c r="C132" s="2" t="s">
        <v>338</v>
      </c>
      <c r="D132" s="2" t="s">
        <v>339</v>
      </c>
      <c r="E132" s="2" t="s">
        <v>232</v>
      </c>
      <c r="F132" s="2" t="s">
        <v>340</v>
      </c>
      <c r="G132" s="3">
        <v>2</v>
      </c>
      <c r="H132" s="2" t="s">
        <v>19</v>
      </c>
      <c r="I132" s="3">
        <v>2012</v>
      </c>
      <c r="J132" s="2" t="s">
        <v>20</v>
      </c>
      <c r="K132" s="2"/>
      <c r="L132" s="2" t="s">
        <v>341</v>
      </c>
    </row>
    <row r="133" spans="1:12" ht="15.2" customHeight="1">
      <c r="A133" s="2" t="s">
        <v>369</v>
      </c>
      <c r="B133" s="2" t="s">
        <v>281</v>
      </c>
      <c r="C133" s="2" t="s">
        <v>374</v>
      </c>
      <c r="D133" s="2" t="s">
        <v>375</v>
      </c>
      <c r="E133" s="2" t="s">
        <v>240</v>
      </c>
      <c r="F133" s="2" t="s">
        <v>376</v>
      </c>
      <c r="G133" s="3">
        <v>3</v>
      </c>
      <c r="H133" s="2" t="s">
        <v>32</v>
      </c>
      <c r="I133" s="3">
        <v>2020</v>
      </c>
      <c r="J133" s="2" t="s">
        <v>20</v>
      </c>
      <c r="K133" s="2"/>
      <c r="L133" s="2" t="s">
        <v>377</v>
      </c>
    </row>
    <row r="134" spans="1:12" ht="15.2" customHeight="1">
      <c r="A134" s="2" t="s">
        <v>369</v>
      </c>
      <c r="B134" s="2" t="s">
        <v>108</v>
      </c>
      <c r="C134" s="2" t="s">
        <v>312</v>
      </c>
      <c r="D134" s="2" t="s">
        <v>313</v>
      </c>
      <c r="E134" s="2" t="s">
        <v>240</v>
      </c>
      <c r="F134" s="2" t="s">
        <v>314</v>
      </c>
      <c r="G134" s="3">
        <v>2</v>
      </c>
      <c r="H134" s="2" t="s">
        <v>32</v>
      </c>
      <c r="I134" s="3">
        <v>2020</v>
      </c>
      <c r="J134" s="2" t="s">
        <v>20</v>
      </c>
      <c r="K134" s="2"/>
      <c r="L134" s="2" t="s">
        <v>315</v>
      </c>
    </row>
    <row r="135" spans="1:12" ht="15.2" customHeight="1">
      <c r="A135" s="2" t="s">
        <v>369</v>
      </c>
      <c r="B135" s="2" t="s">
        <v>114</v>
      </c>
      <c r="C135" s="2"/>
      <c r="D135" s="2" t="s">
        <v>402</v>
      </c>
      <c r="E135" s="2" t="s">
        <v>69</v>
      </c>
      <c r="F135" s="2" t="s">
        <v>403</v>
      </c>
      <c r="G135" s="3">
        <v>3</v>
      </c>
      <c r="H135" s="2" t="s">
        <v>71</v>
      </c>
      <c r="I135" s="3">
        <v>2019</v>
      </c>
      <c r="J135" s="2" t="s">
        <v>72</v>
      </c>
      <c r="K135" s="2"/>
      <c r="L135" s="2" t="s">
        <v>404</v>
      </c>
    </row>
    <row r="136" spans="1:12" ht="15.2" customHeight="1">
      <c r="A136" s="2" t="s">
        <v>369</v>
      </c>
      <c r="B136" s="2" t="s">
        <v>119</v>
      </c>
      <c r="C136" s="2"/>
      <c r="D136" s="2" t="s">
        <v>405</v>
      </c>
      <c r="E136" s="2" t="s">
        <v>69</v>
      </c>
      <c r="F136" s="2" t="s">
        <v>406</v>
      </c>
      <c r="G136" s="3">
        <v>4</v>
      </c>
      <c r="H136" s="2" t="s">
        <v>71</v>
      </c>
      <c r="I136" s="3">
        <v>2019</v>
      </c>
      <c r="J136" s="2" t="s">
        <v>72</v>
      </c>
      <c r="K136" s="2"/>
      <c r="L136" s="2" t="s">
        <v>407</v>
      </c>
    </row>
    <row r="137" spans="1:12" ht="15.2" customHeight="1">
      <c r="A137" s="2" t="s">
        <v>369</v>
      </c>
      <c r="B137" s="2" t="s">
        <v>125</v>
      </c>
      <c r="C137" s="2" t="s">
        <v>408</v>
      </c>
      <c r="D137" s="2" t="s">
        <v>409</v>
      </c>
      <c r="E137" s="2" t="s">
        <v>81</v>
      </c>
      <c r="F137" s="2" t="s">
        <v>410</v>
      </c>
      <c r="G137" s="3">
        <v>2</v>
      </c>
      <c r="H137" s="2" t="s">
        <v>19</v>
      </c>
      <c r="I137" s="3">
        <v>2012</v>
      </c>
      <c r="J137" s="2" t="s">
        <v>20</v>
      </c>
      <c r="K137" s="2"/>
      <c r="L137" s="2" t="s">
        <v>411</v>
      </c>
    </row>
    <row r="138" spans="1:12" ht="15.2" customHeight="1">
      <c r="A138" s="2" t="s">
        <v>369</v>
      </c>
      <c r="B138" s="2" t="s">
        <v>131</v>
      </c>
      <c r="C138" s="2" t="s">
        <v>412</v>
      </c>
      <c r="D138" s="2" t="s">
        <v>215</v>
      </c>
      <c r="E138" s="2" t="s">
        <v>216</v>
      </c>
      <c r="F138" s="2" t="s">
        <v>413</v>
      </c>
      <c r="G138" s="3">
        <v>3</v>
      </c>
      <c r="H138" s="2" t="s">
        <v>32</v>
      </c>
      <c r="I138" s="3">
        <v>2014</v>
      </c>
      <c r="J138" s="2" t="s">
        <v>20</v>
      </c>
      <c r="K138" s="2"/>
      <c r="L138" s="2" t="s">
        <v>414</v>
      </c>
    </row>
    <row r="139" spans="1:12" ht="15.2" customHeight="1">
      <c r="A139" s="2" t="s">
        <v>369</v>
      </c>
      <c r="B139" s="2" t="s">
        <v>136</v>
      </c>
      <c r="C139" s="2" t="s">
        <v>415</v>
      </c>
      <c r="D139" s="2" t="s">
        <v>416</v>
      </c>
      <c r="E139" s="2" t="s">
        <v>361</v>
      </c>
      <c r="F139" s="2" t="s">
        <v>417</v>
      </c>
      <c r="G139" s="3">
        <v>2</v>
      </c>
      <c r="H139" s="2" t="s">
        <v>123</v>
      </c>
      <c r="I139" s="3">
        <v>2009</v>
      </c>
      <c r="J139" s="2" t="s">
        <v>20</v>
      </c>
      <c r="K139" s="2"/>
      <c r="L139" s="2" t="s">
        <v>418</v>
      </c>
    </row>
    <row r="140" spans="1:12" ht="15.2" customHeight="1">
      <c r="A140" s="2" t="s">
        <v>369</v>
      </c>
      <c r="B140" s="2" t="s">
        <v>141</v>
      </c>
      <c r="C140" s="2" t="s">
        <v>359</v>
      </c>
      <c r="D140" s="2" t="s">
        <v>360</v>
      </c>
      <c r="E140" s="2" t="s">
        <v>361</v>
      </c>
      <c r="F140" s="2" t="s">
        <v>362</v>
      </c>
      <c r="G140" s="3">
        <v>1</v>
      </c>
      <c r="H140" s="2" t="s">
        <v>363</v>
      </c>
      <c r="I140" s="3">
        <v>2009</v>
      </c>
      <c r="J140" s="2" t="s">
        <v>20</v>
      </c>
      <c r="K140" s="2"/>
      <c r="L140" s="2" t="s">
        <v>364</v>
      </c>
    </row>
    <row r="141" spans="1:12" ht="15.2" customHeight="1">
      <c r="A141" s="2" t="s">
        <v>369</v>
      </c>
      <c r="B141" s="2" t="s">
        <v>148</v>
      </c>
      <c r="C141" s="2" t="s">
        <v>419</v>
      </c>
      <c r="D141" s="2" t="s">
        <v>420</v>
      </c>
      <c r="E141" s="2" t="s">
        <v>304</v>
      </c>
      <c r="F141" s="2" t="s">
        <v>421</v>
      </c>
      <c r="G141" s="3">
        <v>9</v>
      </c>
      <c r="H141" s="2" t="s">
        <v>32</v>
      </c>
      <c r="I141" s="3">
        <v>2017</v>
      </c>
      <c r="J141" s="2" t="s">
        <v>20</v>
      </c>
      <c r="K141" s="2"/>
      <c r="L141" s="2" t="s">
        <v>422</v>
      </c>
    </row>
    <row r="142" spans="1:12" ht="15.2" customHeight="1">
      <c r="A142" s="2" t="s">
        <v>369</v>
      </c>
      <c r="B142" s="2" t="s">
        <v>153</v>
      </c>
      <c r="C142" s="2" t="s">
        <v>370</v>
      </c>
      <c r="D142" s="2" t="s">
        <v>371</v>
      </c>
      <c r="E142" s="2" t="s">
        <v>222</v>
      </c>
      <c r="F142" s="2" t="s">
        <v>372</v>
      </c>
      <c r="G142" s="3">
        <v>7</v>
      </c>
      <c r="H142" s="2" t="s">
        <v>19</v>
      </c>
      <c r="I142" s="3">
        <v>2011</v>
      </c>
      <c r="J142" s="2" t="s">
        <v>224</v>
      </c>
      <c r="K142" s="2"/>
      <c r="L142" s="2" t="s">
        <v>373</v>
      </c>
    </row>
    <row r="143" spans="1:12" ht="15.2" customHeight="1">
      <c r="A143" s="2" t="s">
        <v>369</v>
      </c>
      <c r="B143" s="2" t="s">
        <v>160</v>
      </c>
      <c r="C143" s="2" t="s">
        <v>308</v>
      </c>
      <c r="D143" s="2" t="s">
        <v>309</v>
      </c>
      <c r="E143" s="2" t="s">
        <v>222</v>
      </c>
      <c r="F143" s="2" t="s">
        <v>310</v>
      </c>
      <c r="G143" s="3">
        <v>6</v>
      </c>
      <c r="H143" s="2" t="s">
        <v>19</v>
      </c>
      <c r="I143" s="3">
        <v>2011</v>
      </c>
      <c r="J143" s="2" t="s">
        <v>224</v>
      </c>
      <c r="K143" s="2"/>
      <c r="L143" s="2" t="s">
        <v>311</v>
      </c>
    </row>
    <row r="144" spans="1:12" ht="15.2" customHeight="1">
      <c r="A144" s="2" t="s">
        <v>369</v>
      </c>
      <c r="B144" s="2" t="s">
        <v>165</v>
      </c>
      <c r="C144" s="2" t="s">
        <v>398</v>
      </c>
      <c r="D144" s="2" t="s">
        <v>399</v>
      </c>
      <c r="E144" s="2" t="s">
        <v>232</v>
      </c>
      <c r="F144" s="2" t="s">
        <v>400</v>
      </c>
      <c r="G144" s="3">
        <v>3</v>
      </c>
      <c r="H144" s="2" t="s">
        <v>19</v>
      </c>
      <c r="I144" s="3">
        <v>2012</v>
      </c>
      <c r="J144" s="2" t="s">
        <v>20</v>
      </c>
      <c r="K144" s="2"/>
      <c r="L144" s="2" t="s">
        <v>401</v>
      </c>
    </row>
    <row r="145" spans="1:12" ht="15.2" customHeight="1">
      <c r="A145" s="2" t="s">
        <v>369</v>
      </c>
      <c r="B145" s="2" t="s">
        <v>166</v>
      </c>
      <c r="C145" s="2" t="s">
        <v>338</v>
      </c>
      <c r="D145" s="2" t="s">
        <v>339</v>
      </c>
      <c r="E145" s="2" t="s">
        <v>232</v>
      </c>
      <c r="F145" s="2" t="s">
        <v>340</v>
      </c>
      <c r="G145" s="3">
        <v>2</v>
      </c>
      <c r="H145" s="2" t="s">
        <v>19</v>
      </c>
      <c r="I145" s="3">
        <v>2012</v>
      </c>
      <c r="J145" s="2" t="s">
        <v>20</v>
      </c>
      <c r="K145" s="2"/>
      <c r="L145" s="2" t="s">
        <v>341</v>
      </c>
    </row>
    <row r="146" spans="1:12" ht="15.2" customHeight="1">
      <c r="A146" s="2" t="s">
        <v>369</v>
      </c>
      <c r="B146" s="2" t="s">
        <v>167</v>
      </c>
      <c r="C146" s="2"/>
      <c r="D146" s="2" t="s">
        <v>402</v>
      </c>
      <c r="E146" s="2" t="s">
        <v>69</v>
      </c>
      <c r="F146" s="2" t="s">
        <v>403</v>
      </c>
      <c r="G146" s="3">
        <v>3</v>
      </c>
      <c r="H146" s="2" t="s">
        <v>71</v>
      </c>
      <c r="I146" s="3">
        <v>2019</v>
      </c>
      <c r="J146" s="2" t="s">
        <v>72</v>
      </c>
      <c r="K146" s="2"/>
      <c r="L146" s="2" t="s">
        <v>404</v>
      </c>
    </row>
    <row r="147" spans="1:12" ht="15.2" customHeight="1">
      <c r="A147" s="2" t="s">
        <v>423</v>
      </c>
      <c r="B147" s="2" t="s">
        <v>14</v>
      </c>
      <c r="C147" s="2" t="s">
        <v>424</v>
      </c>
      <c r="D147" s="2" t="s">
        <v>425</v>
      </c>
      <c r="E147" s="2" t="s">
        <v>222</v>
      </c>
      <c r="F147" s="2" t="s">
        <v>426</v>
      </c>
      <c r="G147" s="3">
        <v>8</v>
      </c>
      <c r="H147" s="2" t="s">
        <v>19</v>
      </c>
      <c r="I147" s="3">
        <v>2011</v>
      </c>
      <c r="J147" s="2" t="s">
        <v>224</v>
      </c>
      <c r="K147" s="2"/>
      <c r="L147" s="2" t="s">
        <v>427</v>
      </c>
    </row>
    <row r="148" spans="1:12" ht="15.2" customHeight="1">
      <c r="A148" s="2" t="s">
        <v>423</v>
      </c>
      <c r="B148" s="2" t="s">
        <v>22</v>
      </c>
      <c r="C148" s="2" t="s">
        <v>370</v>
      </c>
      <c r="D148" s="2" t="s">
        <v>371</v>
      </c>
      <c r="E148" s="2" t="s">
        <v>222</v>
      </c>
      <c r="F148" s="2" t="s">
        <v>372</v>
      </c>
      <c r="G148" s="3">
        <v>7</v>
      </c>
      <c r="H148" s="2" t="s">
        <v>19</v>
      </c>
      <c r="I148" s="3">
        <v>2011</v>
      </c>
      <c r="J148" s="2" t="s">
        <v>224</v>
      </c>
      <c r="K148" s="2"/>
      <c r="L148" s="2" t="s">
        <v>373</v>
      </c>
    </row>
    <row r="149" spans="1:12" ht="15.2" customHeight="1">
      <c r="A149" s="2" t="s">
        <v>423</v>
      </c>
      <c r="B149" s="2" t="s">
        <v>27</v>
      </c>
      <c r="C149" s="2" t="s">
        <v>398</v>
      </c>
      <c r="D149" s="2" t="s">
        <v>399</v>
      </c>
      <c r="E149" s="2" t="s">
        <v>232</v>
      </c>
      <c r="F149" s="2" t="s">
        <v>400</v>
      </c>
      <c r="G149" s="3">
        <v>3</v>
      </c>
      <c r="H149" s="2" t="s">
        <v>19</v>
      </c>
      <c r="I149" s="3">
        <v>2012</v>
      </c>
      <c r="J149" s="2" t="s">
        <v>20</v>
      </c>
      <c r="K149" s="2"/>
      <c r="L149" s="2" t="s">
        <v>401</v>
      </c>
    </row>
    <row r="150" spans="1:12" ht="15.2" customHeight="1">
      <c r="A150" s="2" t="s">
        <v>423</v>
      </c>
      <c r="B150" s="2" t="s">
        <v>34</v>
      </c>
      <c r="C150" s="2" t="s">
        <v>92</v>
      </c>
      <c r="D150" s="2" t="s">
        <v>93</v>
      </c>
      <c r="E150" s="2" t="s">
        <v>94</v>
      </c>
      <c r="F150" s="2" t="s">
        <v>95</v>
      </c>
      <c r="G150" s="3">
        <v>2</v>
      </c>
      <c r="H150" s="2" t="s">
        <v>96</v>
      </c>
      <c r="I150" s="3">
        <v>2019</v>
      </c>
      <c r="J150" s="2" t="s">
        <v>20</v>
      </c>
      <c r="K150" s="2"/>
      <c r="L150" s="2" t="s">
        <v>97</v>
      </c>
    </row>
    <row r="151" spans="1:12" ht="15.2" customHeight="1">
      <c r="A151" s="2" t="s">
        <v>423</v>
      </c>
      <c r="B151" s="2" t="s">
        <v>235</v>
      </c>
      <c r="C151" s="2" t="s">
        <v>99</v>
      </c>
      <c r="D151" s="2" t="s">
        <v>100</v>
      </c>
      <c r="E151" s="2" t="s">
        <v>94</v>
      </c>
      <c r="F151" s="2" t="s">
        <v>101</v>
      </c>
      <c r="G151" s="3">
        <v>3</v>
      </c>
      <c r="H151" s="2" t="s">
        <v>96</v>
      </c>
      <c r="I151" s="3">
        <v>2019</v>
      </c>
      <c r="J151" s="2" t="s">
        <v>20</v>
      </c>
      <c r="K151" s="2"/>
      <c r="L151" s="2" t="s">
        <v>102</v>
      </c>
    </row>
    <row r="152" spans="1:12" ht="15.2" customHeight="1">
      <c r="A152" s="2" t="s">
        <v>423</v>
      </c>
      <c r="B152" s="2" t="s">
        <v>236</v>
      </c>
      <c r="C152" s="2" t="s">
        <v>104</v>
      </c>
      <c r="D152" s="2" t="s">
        <v>105</v>
      </c>
      <c r="E152" s="2" t="s">
        <v>94</v>
      </c>
      <c r="F152" s="2" t="s">
        <v>106</v>
      </c>
      <c r="G152" s="3">
        <v>13</v>
      </c>
      <c r="H152" s="2" t="s">
        <v>96</v>
      </c>
      <c r="I152" s="3">
        <v>2018</v>
      </c>
      <c r="J152" s="2" t="s">
        <v>20</v>
      </c>
      <c r="K152" s="2"/>
      <c r="L152" s="2" t="s">
        <v>107</v>
      </c>
    </row>
    <row r="153" spans="1:12" ht="15.2" customHeight="1">
      <c r="A153" s="2" t="s">
        <v>423</v>
      </c>
      <c r="B153" s="2" t="s">
        <v>237</v>
      </c>
      <c r="C153" s="2" t="s">
        <v>428</v>
      </c>
      <c r="D153" s="2" t="s">
        <v>429</v>
      </c>
      <c r="E153" s="2" t="s">
        <v>240</v>
      </c>
      <c r="F153" s="2" t="s">
        <v>430</v>
      </c>
      <c r="G153" s="3">
        <v>4</v>
      </c>
      <c r="H153" s="2" t="s">
        <v>32</v>
      </c>
      <c r="I153" s="3">
        <v>2020</v>
      </c>
      <c r="J153" s="2" t="s">
        <v>20</v>
      </c>
      <c r="K153" s="2"/>
      <c r="L153" s="2" t="s">
        <v>431</v>
      </c>
    </row>
    <row r="154" spans="1:12" ht="15.2" customHeight="1">
      <c r="A154" s="2" t="s">
        <v>423</v>
      </c>
      <c r="B154" s="2" t="s">
        <v>243</v>
      </c>
      <c r="C154" s="2" t="s">
        <v>374</v>
      </c>
      <c r="D154" s="2" t="s">
        <v>375</v>
      </c>
      <c r="E154" s="2" t="s">
        <v>240</v>
      </c>
      <c r="F154" s="2" t="s">
        <v>376</v>
      </c>
      <c r="G154" s="3">
        <v>3</v>
      </c>
      <c r="H154" s="2" t="s">
        <v>32</v>
      </c>
      <c r="I154" s="3">
        <v>2020</v>
      </c>
      <c r="J154" s="2" t="s">
        <v>20</v>
      </c>
      <c r="K154" s="2"/>
      <c r="L154" s="2" t="s">
        <v>377</v>
      </c>
    </row>
    <row r="155" spans="1:12" ht="15.2" customHeight="1">
      <c r="A155" s="2" t="s">
        <v>423</v>
      </c>
      <c r="B155" s="2" t="s">
        <v>248</v>
      </c>
      <c r="C155" s="2" t="s">
        <v>432</v>
      </c>
      <c r="D155" s="2" t="s">
        <v>433</v>
      </c>
      <c r="E155" s="2" t="s">
        <v>434</v>
      </c>
      <c r="F155" s="2" t="s">
        <v>435</v>
      </c>
      <c r="G155" s="3">
        <v>1</v>
      </c>
      <c r="H155" s="2" t="s">
        <v>19</v>
      </c>
      <c r="I155" s="3">
        <v>2018</v>
      </c>
      <c r="J155" s="2" t="s">
        <v>158</v>
      </c>
      <c r="K155" s="2"/>
      <c r="L155" s="2" t="s">
        <v>436</v>
      </c>
    </row>
    <row r="156" spans="1:12" ht="15.2" customHeight="1">
      <c r="A156" s="2" t="s">
        <v>423</v>
      </c>
      <c r="B156" s="2" t="s">
        <v>253</v>
      </c>
      <c r="C156" s="2" t="s">
        <v>437</v>
      </c>
      <c r="D156" s="2" t="s">
        <v>438</v>
      </c>
      <c r="E156" s="2" t="s">
        <v>434</v>
      </c>
      <c r="F156" s="2" t="s">
        <v>439</v>
      </c>
      <c r="G156" s="3">
        <v>2</v>
      </c>
      <c r="H156" s="2" t="s">
        <v>19</v>
      </c>
      <c r="I156" s="3">
        <v>2018</v>
      </c>
      <c r="J156" s="2" t="s">
        <v>158</v>
      </c>
      <c r="K156" s="2"/>
      <c r="L156" s="2" t="s">
        <v>440</v>
      </c>
    </row>
    <row r="157" spans="1:12" ht="15.2" customHeight="1">
      <c r="A157" s="2" t="s">
        <v>423</v>
      </c>
      <c r="B157" s="2" t="s">
        <v>259</v>
      </c>
      <c r="C157" s="2" t="s">
        <v>441</v>
      </c>
      <c r="D157" s="2" t="s">
        <v>442</v>
      </c>
      <c r="E157" s="2" t="s">
        <v>434</v>
      </c>
      <c r="F157" s="2" t="s">
        <v>443</v>
      </c>
      <c r="G157" s="3">
        <v>3</v>
      </c>
      <c r="H157" s="2" t="s">
        <v>19</v>
      </c>
      <c r="I157" s="3">
        <v>2018</v>
      </c>
      <c r="J157" s="2" t="s">
        <v>158</v>
      </c>
      <c r="K157" s="2"/>
      <c r="L157" s="2" t="s">
        <v>444</v>
      </c>
    </row>
    <row r="158" spans="1:12" ht="15.2" customHeight="1">
      <c r="A158" s="2" t="s">
        <v>423</v>
      </c>
      <c r="B158" s="2" t="s">
        <v>265</v>
      </c>
      <c r="C158" s="2" t="s">
        <v>445</v>
      </c>
      <c r="D158" s="2" t="s">
        <v>446</v>
      </c>
      <c r="E158" s="2" t="s">
        <v>434</v>
      </c>
      <c r="F158" s="2" t="s">
        <v>447</v>
      </c>
      <c r="G158" s="3">
        <v>4</v>
      </c>
      <c r="H158" s="2" t="s">
        <v>19</v>
      </c>
      <c r="I158" s="3">
        <v>2018</v>
      </c>
      <c r="J158" s="2" t="s">
        <v>158</v>
      </c>
      <c r="K158" s="2"/>
      <c r="L158" s="2" t="s">
        <v>448</v>
      </c>
    </row>
    <row r="159" spans="1:12" ht="15.2" customHeight="1">
      <c r="A159" s="2" t="s">
        <v>423</v>
      </c>
      <c r="B159" s="2" t="s">
        <v>270</v>
      </c>
      <c r="C159" s="2" t="s">
        <v>449</v>
      </c>
      <c r="D159" s="2" t="s">
        <v>450</v>
      </c>
      <c r="E159" s="2" t="s">
        <v>434</v>
      </c>
      <c r="F159" s="2" t="s">
        <v>451</v>
      </c>
      <c r="G159" s="3">
        <v>5</v>
      </c>
      <c r="H159" s="2" t="s">
        <v>19</v>
      </c>
      <c r="I159" s="3">
        <v>2018</v>
      </c>
      <c r="J159" s="2" t="s">
        <v>158</v>
      </c>
      <c r="K159" s="2"/>
      <c r="L159" s="2" t="s">
        <v>452</v>
      </c>
    </row>
    <row r="160" spans="1:12" ht="15.2" customHeight="1">
      <c r="A160" s="2" t="s">
        <v>423</v>
      </c>
      <c r="B160" s="2" t="s">
        <v>275</v>
      </c>
      <c r="C160" s="2" t="s">
        <v>453</v>
      </c>
      <c r="D160" s="2" t="s">
        <v>454</v>
      </c>
      <c r="E160" s="2" t="s">
        <v>232</v>
      </c>
      <c r="F160" s="2" t="s">
        <v>455</v>
      </c>
      <c r="G160" s="3">
        <v>4</v>
      </c>
      <c r="H160" s="2" t="s">
        <v>19</v>
      </c>
      <c r="I160" s="3">
        <v>2012</v>
      </c>
      <c r="J160" s="2" t="s">
        <v>20</v>
      </c>
      <c r="K160" s="2"/>
      <c r="L160" s="2" t="s">
        <v>456</v>
      </c>
    </row>
    <row r="161" spans="1:12" ht="15.2" customHeight="1">
      <c r="A161" s="2" t="s">
        <v>423</v>
      </c>
      <c r="B161" s="2" t="s">
        <v>280</v>
      </c>
      <c r="C161" s="2" t="s">
        <v>398</v>
      </c>
      <c r="D161" s="2" t="s">
        <v>399</v>
      </c>
      <c r="E161" s="2" t="s">
        <v>232</v>
      </c>
      <c r="F161" s="2" t="s">
        <v>400</v>
      </c>
      <c r="G161" s="3">
        <v>3</v>
      </c>
      <c r="H161" s="2" t="s">
        <v>19</v>
      </c>
      <c r="I161" s="3">
        <v>2012</v>
      </c>
      <c r="J161" s="2" t="s">
        <v>20</v>
      </c>
      <c r="K161" s="2"/>
      <c r="L161" s="2" t="s">
        <v>401</v>
      </c>
    </row>
    <row r="162" spans="1:12" ht="15.2" customHeight="1">
      <c r="A162" s="2" t="s">
        <v>423</v>
      </c>
      <c r="B162" s="2" t="s">
        <v>281</v>
      </c>
      <c r="C162" s="2" t="s">
        <v>428</v>
      </c>
      <c r="D162" s="2" t="s">
        <v>429</v>
      </c>
      <c r="E162" s="2" t="s">
        <v>240</v>
      </c>
      <c r="F162" s="2" t="s">
        <v>430</v>
      </c>
      <c r="G162" s="3">
        <v>4</v>
      </c>
      <c r="H162" s="2" t="s">
        <v>32</v>
      </c>
      <c r="I162" s="3">
        <v>2020</v>
      </c>
      <c r="J162" s="2" t="s">
        <v>20</v>
      </c>
      <c r="K162" s="2"/>
      <c r="L162" s="2" t="s">
        <v>431</v>
      </c>
    </row>
    <row r="163" spans="1:12" ht="15.2" customHeight="1">
      <c r="A163" s="2" t="s">
        <v>423</v>
      </c>
      <c r="B163" s="2" t="s">
        <v>108</v>
      </c>
      <c r="C163" s="2" t="s">
        <v>374</v>
      </c>
      <c r="D163" s="2" t="s">
        <v>375</v>
      </c>
      <c r="E163" s="2" t="s">
        <v>240</v>
      </c>
      <c r="F163" s="2" t="s">
        <v>376</v>
      </c>
      <c r="G163" s="3">
        <v>3</v>
      </c>
      <c r="H163" s="2" t="s">
        <v>32</v>
      </c>
      <c r="I163" s="3">
        <v>2020</v>
      </c>
      <c r="J163" s="2" t="s">
        <v>20</v>
      </c>
      <c r="K163" s="2"/>
      <c r="L163" s="2" t="s">
        <v>377</v>
      </c>
    </row>
    <row r="164" spans="1:12" ht="15.2" customHeight="1">
      <c r="A164" s="2" t="s">
        <v>423</v>
      </c>
      <c r="B164" s="2" t="s">
        <v>114</v>
      </c>
      <c r="C164" s="2" t="s">
        <v>457</v>
      </c>
      <c r="D164" s="2" t="s">
        <v>458</v>
      </c>
      <c r="E164" s="2" t="s">
        <v>94</v>
      </c>
      <c r="F164" s="2" t="s">
        <v>459</v>
      </c>
      <c r="G164" s="3">
        <v>4</v>
      </c>
      <c r="H164" s="2" t="s">
        <v>96</v>
      </c>
      <c r="I164" s="3">
        <v>2019</v>
      </c>
      <c r="J164" s="2" t="s">
        <v>20</v>
      </c>
      <c r="K164" s="2"/>
      <c r="L164" s="2" t="s">
        <v>460</v>
      </c>
    </row>
    <row r="165" spans="1:12" ht="15.2" customHeight="1">
      <c r="A165" s="2" t="s">
        <v>423</v>
      </c>
      <c r="B165" s="2" t="s">
        <v>119</v>
      </c>
      <c r="C165" s="2" t="s">
        <v>461</v>
      </c>
      <c r="D165" s="2" t="s">
        <v>462</v>
      </c>
      <c r="E165" s="2" t="s">
        <v>94</v>
      </c>
      <c r="F165" s="2" t="s">
        <v>463</v>
      </c>
      <c r="G165" s="3">
        <v>5</v>
      </c>
      <c r="H165" s="2" t="s">
        <v>96</v>
      </c>
      <c r="I165" s="3">
        <v>2019</v>
      </c>
      <c r="J165" s="2" t="s">
        <v>20</v>
      </c>
      <c r="K165" s="2"/>
      <c r="L165" s="2" t="s">
        <v>464</v>
      </c>
    </row>
    <row r="166" spans="1:12" ht="15.2" customHeight="1">
      <c r="A166" s="2" t="s">
        <v>423</v>
      </c>
      <c r="B166" s="2" t="s">
        <v>125</v>
      </c>
      <c r="C166" s="2" t="s">
        <v>465</v>
      </c>
      <c r="D166" s="2" t="s">
        <v>466</v>
      </c>
      <c r="E166" s="2" t="s">
        <v>94</v>
      </c>
      <c r="F166" s="2" t="s">
        <v>467</v>
      </c>
      <c r="G166" s="3">
        <v>15</v>
      </c>
      <c r="H166" s="2" t="s">
        <v>96</v>
      </c>
      <c r="I166" s="3">
        <v>2018</v>
      </c>
      <c r="J166" s="2" t="s">
        <v>20</v>
      </c>
      <c r="K166" s="2"/>
      <c r="L166" s="2" t="s">
        <v>468</v>
      </c>
    </row>
    <row r="167" spans="1:12" ht="15.2" customHeight="1">
      <c r="A167" s="2" t="s">
        <v>423</v>
      </c>
      <c r="B167" s="2" t="s">
        <v>131</v>
      </c>
      <c r="C167" s="2" t="s">
        <v>469</v>
      </c>
      <c r="D167" s="2" t="s">
        <v>470</v>
      </c>
      <c r="E167" s="2" t="s">
        <v>94</v>
      </c>
      <c r="F167" s="2" t="s">
        <v>471</v>
      </c>
      <c r="G167" s="3">
        <v>16</v>
      </c>
      <c r="H167" s="2" t="s">
        <v>96</v>
      </c>
      <c r="I167" s="3">
        <v>2018</v>
      </c>
      <c r="J167" s="2" t="s">
        <v>20</v>
      </c>
      <c r="K167" s="2"/>
      <c r="L167" s="2" t="s">
        <v>472</v>
      </c>
    </row>
    <row r="168" spans="1:12" ht="15.2" customHeight="1">
      <c r="A168" s="2" t="s">
        <v>423</v>
      </c>
      <c r="B168" s="2" t="s">
        <v>136</v>
      </c>
      <c r="C168" s="2" t="s">
        <v>473</v>
      </c>
      <c r="D168" s="2" t="s">
        <v>474</v>
      </c>
      <c r="E168" s="2" t="s">
        <v>361</v>
      </c>
      <c r="F168" s="2" t="s">
        <v>475</v>
      </c>
      <c r="G168" s="3">
        <v>3</v>
      </c>
      <c r="H168" s="2" t="s">
        <v>123</v>
      </c>
      <c r="I168" s="3">
        <v>2009</v>
      </c>
      <c r="J168" s="2" t="s">
        <v>20</v>
      </c>
      <c r="K168" s="2"/>
      <c r="L168" s="2" t="s">
        <v>476</v>
      </c>
    </row>
    <row r="169" spans="1:12" ht="15.2" customHeight="1">
      <c r="A169" s="2" t="s">
        <v>423</v>
      </c>
      <c r="B169" s="2" t="s">
        <v>141</v>
      </c>
      <c r="C169" s="2" t="s">
        <v>415</v>
      </c>
      <c r="D169" s="2" t="s">
        <v>416</v>
      </c>
      <c r="E169" s="2" t="s">
        <v>361</v>
      </c>
      <c r="F169" s="2" t="s">
        <v>417</v>
      </c>
      <c r="G169" s="3">
        <v>2</v>
      </c>
      <c r="H169" s="2" t="s">
        <v>123</v>
      </c>
      <c r="I169" s="3">
        <v>2009</v>
      </c>
      <c r="J169" s="2" t="s">
        <v>20</v>
      </c>
      <c r="K169" s="2"/>
      <c r="L169" s="2" t="s">
        <v>418</v>
      </c>
    </row>
    <row r="170" spans="1:12" ht="15.2" customHeight="1">
      <c r="A170" s="2" t="s">
        <v>423</v>
      </c>
      <c r="B170" s="2" t="s">
        <v>148</v>
      </c>
      <c r="C170" s="2" t="s">
        <v>477</v>
      </c>
      <c r="D170" s="2" t="s">
        <v>478</v>
      </c>
      <c r="E170" s="2" t="s">
        <v>295</v>
      </c>
      <c r="F170" s="2" t="s">
        <v>479</v>
      </c>
      <c r="G170" s="3">
        <v>1</v>
      </c>
      <c r="H170" s="2" t="s">
        <v>71</v>
      </c>
      <c r="I170" s="3">
        <v>2013</v>
      </c>
      <c r="J170" s="2" t="s">
        <v>20</v>
      </c>
      <c r="K170" s="2"/>
      <c r="L170" s="2" t="s">
        <v>480</v>
      </c>
    </row>
    <row r="171" spans="1:12" ht="15.2" customHeight="1">
      <c r="A171" s="2" t="s">
        <v>423</v>
      </c>
      <c r="B171" s="2" t="s">
        <v>153</v>
      </c>
      <c r="C171" s="2" t="s">
        <v>424</v>
      </c>
      <c r="D171" s="2" t="s">
        <v>425</v>
      </c>
      <c r="E171" s="2" t="s">
        <v>222</v>
      </c>
      <c r="F171" s="2" t="s">
        <v>426</v>
      </c>
      <c r="G171" s="3">
        <v>8</v>
      </c>
      <c r="H171" s="2" t="s">
        <v>19</v>
      </c>
      <c r="I171" s="3">
        <v>2011</v>
      </c>
      <c r="J171" s="2" t="s">
        <v>224</v>
      </c>
      <c r="K171" s="2"/>
      <c r="L171" s="2" t="s">
        <v>427</v>
      </c>
    </row>
    <row r="172" spans="1:12" ht="15.2" customHeight="1">
      <c r="A172" s="2" t="s">
        <v>423</v>
      </c>
      <c r="B172" s="2" t="s">
        <v>160</v>
      </c>
      <c r="C172" s="2" t="s">
        <v>370</v>
      </c>
      <c r="D172" s="2" t="s">
        <v>371</v>
      </c>
      <c r="E172" s="2" t="s">
        <v>222</v>
      </c>
      <c r="F172" s="2" t="s">
        <v>372</v>
      </c>
      <c r="G172" s="3">
        <v>7</v>
      </c>
      <c r="H172" s="2" t="s">
        <v>19</v>
      </c>
      <c r="I172" s="3">
        <v>2011</v>
      </c>
      <c r="J172" s="2" t="s">
        <v>224</v>
      </c>
      <c r="K172" s="2"/>
      <c r="L172" s="2" t="s">
        <v>373</v>
      </c>
    </row>
    <row r="173" spans="1:12" ht="15.2" customHeight="1">
      <c r="A173" s="2" t="s">
        <v>423</v>
      </c>
      <c r="B173" s="2" t="s">
        <v>165</v>
      </c>
      <c r="C173" s="2" t="s">
        <v>453</v>
      </c>
      <c r="D173" s="2" t="s">
        <v>454</v>
      </c>
      <c r="E173" s="2" t="s">
        <v>232</v>
      </c>
      <c r="F173" s="2" t="s">
        <v>455</v>
      </c>
      <c r="G173" s="3">
        <v>4</v>
      </c>
      <c r="H173" s="2" t="s">
        <v>19</v>
      </c>
      <c r="I173" s="3">
        <v>2012</v>
      </c>
      <c r="J173" s="2" t="s">
        <v>20</v>
      </c>
      <c r="K173" s="2"/>
      <c r="L173" s="2" t="s">
        <v>456</v>
      </c>
    </row>
    <row r="174" spans="1:12" ht="15.2" customHeight="1">
      <c r="A174" s="2" t="s">
        <v>423</v>
      </c>
      <c r="B174" s="2" t="s">
        <v>166</v>
      </c>
      <c r="C174" s="2" t="s">
        <v>398</v>
      </c>
      <c r="D174" s="2" t="s">
        <v>399</v>
      </c>
      <c r="E174" s="2" t="s">
        <v>232</v>
      </c>
      <c r="F174" s="2" t="s">
        <v>400</v>
      </c>
      <c r="G174" s="3">
        <v>3</v>
      </c>
      <c r="H174" s="2" t="s">
        <v>19</v>
      </c>
      <c r="I174" s="3">
        <v>2012</v>
      </c>
      <c r="J174" s="2" t="s">
        <v>20</v>
      </c>
      <c r="K174" s="2"/>
      <c r="L174" s="2" t="s">
        <v>401</v>
      </c>
    </row>
    <row r="175" spans="1:12" ht="15.2" customHeight="1">
      <c r="A175" s="2" t="s">
        <v>423</v>
      </c>
      <c r="B175" s="2" t="s">
        <v>167</v>
      </c>
      <c r="C175" s="2" t="s">
        <v>457</v>
      </c>
      <c r="D175" s="2" t="s">
        <v>458</v>
      </c>
      <c r="E175" s="2" t="s">
        <v>94</v>
      </c>
      <c r="F175" s="2" t="s">
        <v>459</v>
      </c>
      <c r="G175" s="3">
        <v>4</v>
      </c>
      <c r="H175" s="2" t="s">
        <v>96</v>
      </c>
      <c r="I175" s="3">
        <v>2019</v>
      </c>
      <c r="J175" s="2" t="s">
        <v>20</v>
      </c>
      <c r="K175" s="2"/>
      <c r="L175" s="2" t="s">
        <v>460</v>
      </c>
    </row>
    <row r="176" spans="1:12" ht="15.2" customHeight="1">
      <c r="A176" s="2" t="s">
        <v>481</v>
      </c>
      <c r="B176" s="2" t="s">
        <v>14</v>
      </c>
      <c r="C176" s="2" t="s">
        <v>482</v>
      </c>
      <c r="D176" s="2" t="s">
        <v>483</v>
      </c>
      <c r="E176" s="2" t="s">
        <v>484</v>
      </c>
      <c r="F176" s="2" t="s">
        <v>485</v>
      </c>
      <c r="G176" s="3">
        <v>1</v>
      </c>
      <c r="H176" s="2" t="s">
        <v>32</v>
      </c>
      <c r="I176" s="3">
        <v>2018</v>
      </c>
      <c r="J176" s="2" t="s">
        <v>20</v>
      </c>
      <c r="K176" s="2"/>
      <c r="L176" s="2" t="s">
        <v>486</v>
      </c>
    </row>
    <row r="177" spans="1:12" ht="15.2" customHeight="1">
      <c r="A177" s="2" t="s">
        <v>481</v>
      </c>
      <c r="B177" s="2" t="s">
        <v>22</v>
      </c>
      <c r="C177" s="2" t="s">
        <v>424</v>
      </c>
      <c r="D177" s="2" t="s">
        <v>425</v>
      </c>
      <c r="E177" s="2" t="s">
        <v>222</v>
      </c>
      <c r="F177" s="2" t="s">
        <v>426</v>
      </c>
      <c r="G177" s="3">
        <v>8</v>
      </c>
      <c r="H177" s="2" t="s">
        <v>19</v>
      </c>
      <c r="I177" s="3">
        <v>2011</v>
      </c>
      <c r="J177" s="2" t="s">
        <v>224</v>
      </c>
      <c r="K177" s="2"/>
      <c r="L177" s="2" t="s">
        <v>427</v>
      </c>
    </row>
    <row r="178" spans="1:12" ht="15.2" customHeight="1">
      <c r="A178" s="2" t="s">
        <v>481</v>
      </c>
      <c r="B178" s="2" t="s">
        <v>27</v>
      </c>
      <c r="C178" s="2" t="s">
        <v>453</v>
      </c>
      <c r="D178" s="2" t="s">
        <v>454</v>
      </c>
      <c r="E178" s="2" t="s">
        <v>232</v>
      </c>
      <c r="F178" s="2" t="s">
        <v>455</v>
      </c>
      <c r="G178" s="3">
        <v>4</v>
      </c>
      <c r="H178" s="2" t="s">
        <v>19</v>
      </c>
      <c r="I178" s="3">
        <v>2012</v>
      </c>
      <c r="J178" s="2" t="s">
        <v>20</v>
      </c>
      <c r="K178" s="2"/>
      <c r="L178" s="2" t="s">
        <v>456</v>
      </c>
    </row>
    <row r="179" spans="1:12" ht="15.2" customHeight="1">
      <c r="A179" s="2" t="s">
        <v>481</v>
      </c>
      <c r="B179" s="2" t="s">
        <v>34</v>
      </c>
      <c r="C179" s="2" t="s">
        <v>52</v>
      </c>
      <c r="D179" s="2" t="s">
        <v>53</v>
      </c>
      <c r="E179" s="2" t="s">
        <v>54</v>
      </c>
      <c r="F179" s="2" t="s">
        <v>55</v>
      </c>
      <c r="G179" s="3">
        <v>3</v>
      </c>
      <c r="H179" s="2" t="s">
        <v>32</v>
      </c>
      <c r="I179" s="3">
        <v>2018</v>
      </c>
      <c r="J179" s="2" t="s">
        <v>20</v>
      </c>
      <c r="K179" s="2"/>
      <c r="L179" s="2" t="s">
        <v>56</v>
      </c>
    </row>
    <row r="180" spans="1:12" ht="15.2" customHeight="1">
      <c r="A180" s="2" t="s">
        <v>481</v>
      </c>
      <c r="B180" s="2" t="s">
        <v>235</v>
      </c>
      <c r="C180" s="2" t="s">
        <v>58</v>
      </c>
      <c r="D180" s="2" t="s">
        <v>59</v>
      </c>
      <c r="E180" s="2" t="s">
        <v>54</v>
      </c>
      <c r="F180" s="2" t="s">
        <v>60</v>
      </c>
      <c r="G180" s="3">
        <v>4</v>
      </c>
      <c r="H180" s="2" t="s">
        <v>32</v>
      </c>
      <c r="I180" s="3">
        <v>2018</v>
      </c>
      <c r="J180" s="2" t="s">
        <v>20</v>
      </c>
      <c r="K180" s="2"/>
      <c r="L180" s="2" t="s">
        <v>61</v>
      </c>
    </row>
    <row r="181" spans="1:12" ht="15.2" customHeight="1">
      <c r="A181" s="2" t="s">
        <v>481</v>
      </c>
      <c r="B181" s="2" t="s">
        <v>236</v>
      </c>
      <c r="C181" s="2" t="s">
        <v>63</v>
      </c>
      <c r="D181" s="2" t="s">
        <v>64</v>
      </c>
      <c r="E181" s="2" t="s">
        <v>54</v>
      </c>
      <c r="F181" s="2" t="s">
        <v>65</v>
      </c>
      <c r="G181" s="3">
        <v>5</v>
      </c>
      <c r="H181" s="2" t="s">
        <v>32</v>
      </c>
      <c r="I181" s="3">
        <v>2018</v>
      </c>
      <c r="J181" s="2" t="s">
        <v>20</v>
      </c>
      <c r="K181" s="2"/>
      <c r="L181" s="2" t="s">
        <v>66</v>
      </c>
    </row>
    <row r="182" spans="1:12" ht="15.2" customHeight="1">
      <c r="A182" s="2" t="s">
        <v>481</v>
      </c>
      <c r="B182" s="2" t="s">
        <v>237</v>
      </c>
      <c r="C182" s="2" t="s">
        <v>487</v>
      </c>
      <c r="D182" s="2" t="s">
        <v>488</v>
      </c>
      <c r="E182" s="2" t="s">
        <v>240</v>
      </c>
      <c r="F182" s="2" t="s">
        <v>489</v>
      </c>
      <c r="G182" s="3">
        <v>5</v>
      </c>
      <c r="H182" s="2" t="s">
        <v>32</v>
      </c>
      <c r="I182" s="3">
        <v>2020</v>
      </c>
      <c r="J182" s="2" t="s">
        <v>20</v>
      </c>
      <c r="K182" s="2"/>
      <c r="L182" s="2" t="s">
        <v>490</v>
      </c>
    </row>
    <row r="183" spans="1:12" ht="15.2" customHeight="1">
      <c r="A183" s="2" t="s">
        <v>481</v>
      </c>
      <c r="B183" s="2" t="s">
        <v>243</v>
      </c>
      <c r="C183" s="2" t="s">
        <v>428</v>
      </c>
      <c r="D183" s="2" t="s">
        <v>429</v>
      </c>
      <c r="E183" s="2" t="s">
        <v>240</v>
      </c>
      <c r="F183" s="2" t="s">
        <v>430</v>
      </c>
      <c r="G183" s="3">
        <v>4</v>
      </c>
      <c r="H183" s="2" t="s">
        <v>32</v>
      </c>
      <c r="I183" s="3">
        <v>2020</v>
      </c>
      <c r="J183" s="2" t="s">
        <v>20</v>
      </c>
      <c r="K183" s="2"/>
      <c r="L183" s="2" t="s">
        <v>431</v>
      </c>
    </row>
    <row r="184" spans="1:12" ht="15.2" customHeight="1">
      <c r="A184" s="2" t="s">
        <v>481</v>
      </c>
      <c r="B184" s="2" t="s">
        <v>248</v>
      </c>
      <c r="C184" s="2" t="s">
        <v>491</v>
      </c>
      <c r="D184" s="2" t="s">
        <v>492</v>
      </c>
      <c r="E184" s="2" t="s">
        <v>493</v>
      </c>
      <c r="F184" s="2" t="s">
        <v>494</v>
      </c>
      <c r="G184" s="3">
        <v>1</v>
      </c>
      <c r="H184" s="2" t="s">
        <v>495</v>
      </c>
      <c r="I184" s="3">
        <v>2009</v>
      </c>
      <c r="J184" s="2" t="s">
        <v>20</v>
      </c>
      <c r="K184" s="2"/>
      <c r="L184" s="2" t="s">
        <v>496</v>
      </c>
    </row>
    <row r="185" spans="1:12" ht="15.2" customHeight="1">
      <c r="A185" s="2" t="s">
        <v>481</v>
      </c>
      <c r="B185" s="2" t="s">
        <v>253</v>
      </c>
      <c r="C185" s="2" t="s">
        <v>497</v>
      </c>
      <c r="D185" s="2" t="s">
        <v>498</v>
      </c>
      <c r="E185" s="2" t="s">
        <v>499</v>
      </c>
      <c r="F185" s="2" t="s">
        <v>500</v>
      </c>
      <c r="G185" s="3">
        <v>1</v>
      </c>
      <c r="H185" s="2" t="s">
        <v>32</v>
      </c>
      <c r="I185" s="3">
        <v>2016</v>
      </c>
      <c r="J185" s="2" t="s">
        <v>20</v>
      </c>
      <c r="K185" s="2"/>
      <c r="L185" s="2" t="s">
        <v>501</v>
      </c>
    </row>
    <row r="186" spans="1:12" ht="15.2" customHeight="1">
      <c r="A186" s="2" t="s">
        <v>481</v>
      </c>
      <c r="B186" s="2" t="s">
        <v>259</v>
      </c>
      <c r="C186" s="2" t="s">
        <v>502</v>
      </c>
      <c r="D186" s="2" t="s">
        <v>503</v>
      </c>
      <c r="E186" s="2" t="s">
        <v>499</v>
      </c>
      <c r="F186" s="2" t="s">
        <v>504</v>
      </c>
      <c r="G186" s="3">
        <v>2</v>
      </c>
      <c r="H186" s="2" t="s">
        <v>32</v>
      </c>
      <c r="I186" s="3">
        <v>2016</v>
      </c>
      <c r="J186" s="2" t="s">
        <v>20</v>
      </c>
      <c r="K186" s="2"/>
      <c r="L186" s="2" t="s">
        <v>505</v>
      </c>
    </row>
    <row r="187" spans="1:12" ht="15.2" customHeight="1">
      <c r="A187" s="2" t="s">
        <v>481</v>
      </c>
      <c r="B187" s="2" t="s">
        <v>265</v>
      </c>
      <c r="C187" s="2" t="s">
        <v>506</v>
      </c>
      <c r="D187" s="2" t="s">
        <v>507</v>
      </c>
      <c r="E187" s="2" t="s">
        <v>499</v>
      </c>
      <c r="F187" s="2" t="s">
        <v>508</v>
      </c>
      <c r="G187" s="3">
        <v>3</v>
      </c>
      <c r="H187" s="2" t="s">
        <v>32</v>
      </c>
      <c r="I187" s="3">
        <v>2016</v>
      </c>
      <c r="J187" s="2" t="s">
        <v>20</v>
      </c>
      <c r="K187" s="2"/>
      <c r="L187" s="2" t="s">
        <v>509</v>
      </c>
    </row>
    <row r="188" spans="1:12" ht="15.2" customHeight="1">
      <c r="A188" s="2" t="s">
        <v>481</v>
      </c>
      <c r="B188" s="2" t="s">
        <v>270</v>
      </c>
      <c r="C188" s="2" t="s">
        <v>510</v>
      </c>
      <c r="D188" s="2" t="s">
        <v>511</v>
      </c>
      <c r="E188" s="2" t="s">
        <v>512</v>
      </c>
      <c r="F188" s="2" t="s">
        <v>513</v>
      </c>
      <c r="G188" s="3">
        <v>1</v>
      </c>
      <c r="H188" s="2" t="s">
        <v>363</v>
      </c>
      <c r="I188" s="3">
        <v>2019</v>
      </c>
      <c r="J188" s="2" t="s">
        <v>20</v>
      </c>
      <c r="K188" s="2"/>
      <c r="L188" s="2" t="s">
        <v>514</v>
      </c>
    </row>
    <row r="189" spans="1:12" ht="15.2" customHeight="1">
      <c r="A189" s="2" t="s">
        <v>481</v>
      </c>
      <c r="B189" s="2" t="s">
        <v>275</v>
      </c>
      <c r="C189" s="2" t="s">
        <v>515</v>
      </c>
      <c r="D189" s="2" t="s">
        <v>516</v>
      </c>
      <c r="E189" s="2" t="s">
        <v>517</v>
      </c>
      <c r="F189" s="2" t="s">
        <v>518</v>
      </c>
      <c r="G189" s="3">
        <v>1</v>
      </c>
      <c r="H189" s="2" t="s">
        <v>32</v>
      </c>
      <c r="I189" s="3">
        <v>2013</v>
      </c>
      <c r="J189" s="2" t="s">
        <v>20</v>
      </c>
      <c r="K189" s="2"/>
      <c r="L189" s="2" t="s">
        <v>519</v>
      </c>
    </row>
    <row r="190" spans="1:12" ht="15.2" customHeight="1">
      <c r="A190" s="2" t="s">
        <v>481</v>
      </c>
      <c r="B190" s="2" t="s">
        <v>280</v>
      </c>
      <c r="C190" s="2" t="s">
        <v>453</v>
      </c>
      <c r="D190" s="2" t="s">
        <v>454</v>
      </c>
      <c r="E190" s="2" t="s">
        <v>232</v>
      </c>
      <c r="F190" s="2" t="s">
        <v>455</v>
      </c>
      <c r="G190" s="3">
        <v>4</v>
      </c>
      <c r="H190" s="2" t="s">
        <v>19</v>
      </c>
      <c r="I190" s="3">
        <v>2012</v>
      </c>
      <c r="J190" s="2" t="s">
        <v>20</v>
      </c>
      <c r="K190" s="2"/>
      <c r="L190" s="2" t="s">
        <v>456</v>
      </c>
    </row>
    <row r="191" spans="1:12" ht="15.2" customHeight="1">
      <c r="A191" s="2" t="s">
        <v>481</v>
      </c>
      <c r="B191" s="2" t="s">
        <v>281</v>
      </c>
      <c r="C191" s="2" t="s">
        <v>487</v>
      </c>
      <c r="D191" s="2" t="s">
        <v>488</v>
      </c>
      <c r="E191" s="2" t="s">
        <v>240</v>
      </c>
      <c r="F191" s="2" t="s">
        <v>489</v>
      </c>
      <c r="G191" s="3">
        <v>5</v>
      </c>
      <c r="H191" s="2" t="s">
        <v>32</v>
      </c>
      <c r="I191" s="3">
        <v>2020</v>
      </c>
      <c r="J191" s="2" t="s">
        <v>20</v>
      </c>
      <c r="K191" s="2"/>
      <c r="L191" s="2" t="s">
        <v>490</v>
      </c>
    </row>
    <row r="192" spans="1:12" ht="15.2" customHeight="1">
      <c r="A192" s="2" t="s">
        <v>481</v>
      </c>
      <c r="B192" s="2" t="s">
        <v>108</v>
      </c>
      <c r="C192" s="2" t="s">
        <v>428</v>
      </c>
      <c r="D192" s="2" t="s">
        <v>429</v>
      </c>
      <c r="E192" s="2" t="s">
        <v>240</v>
      </c>
      <c r="F192" s="2" t="s">
        <v>430</v>
      </c>
      <c r="G192" s="3">
        <v>4</v>
      </c>
      <c r="H192" s="2" t="s">
        <v>32</v>
      </c>
      <c r="I192" s="3">
        <v>2020</v>
      </c>
      <c r="J192" s="2" t="s">
        <v>20</v>
      </c>
      <c r="K192" s="2"/>
      <c r="L192" s="2" t="s">
        <v>431</v>
      </c>
    </row>
    <row r="193" spans="1:12" ht="15.2" customHeight="1">
      <c r="A193" s="2" t="s">
        <v>481</v>
      </c>
      <c r="B193" s="2" t="s">
        <v>114</v>
      </c>
      <c r="C193" s="2" t="s">
        <v>520</v>
      </c>
      <c r="D193" s="2" t="s">
        <v>521</v>
      </c>
      <c r="E193" s="2" t="s">
        <v>54</v>
      </c>
      <c r="F193" s="2" t="s">
        <v>522</v>
      </c>
      <c r="G193" s="3">
        <v>6</v>
      </c>
      <c r="H193" s="2" t="s">
        <v>32</v>
      </c>
      <c r="I193" s="3">
        <v>2018</v>
      </c>
      <c r="J193" s="2" t="s">
        <v>20</v>
      </c>
      <c r="K193" s="2"/>
      <c r="L193" s="2" t="s">
        <v>523</v>
      </c>
    </row>
    <row r="194" spans="1:12" ht="15.2" customHeight="1">
      <c r="A194" s="2" t="s">
        <v>481</v>
      </c>
      <c r="B194" s="2" t="s">
        <v>119</v>
      </c>
      <c r="C194" s="2" t="s">
        <v>524</v>
      </c>
      <c r="D194" s="2" t="s">
        <v>525</v>
      </c>
      <c r="E194" s="2" t="s">
        <v>526</v>
      </c>
      <c r="F194" s="2" t="s">
        <v>527</v>
      </c>
      <c r="G194" s="3">
        <v>1</v>
      </c>
      <c r="H194" s="2" t="s">
        <v>32</v>
      </c>
      <c r="I194" s="3">
        <v>2014</v>
      </c>
      <c r="J194" s="2" t="s">
        <v>20</v>
      </c>
      <c r="K194" s="2"/>
      <c r="L194" s="2" t="s">
        <v>528</v>
      </c>
    </row>
    <row r="195" spans="1:12" ht="15.2" customHeight="1">
      <c r="A195" s="2" t="s">
        <v>481</v>
      </c>
      <c r="B195" s="2" t="s">
        <v>125</v>
      </c>
      <c r="C195" s="2" t="s">
        <v>529</v>
      </c>
      <c r="D195" s="2" t="s">
        <v>530</v>
      </c>
      <c r="E195" s="2" t="s">
        <v>526</v>
      </c>
      <c r="F195" s="2" t="s">
        <v>531</v>
      </c>
      <c r="G195" s="3">
        <v>2</v>
      </c>
      <c r="H195" s="2" t="s">
        <v>32</v>
      </c>
      <c r="I195" s="3">
        <v>2014</v>
      </c>
      <c r="J195" s="2" t="s">
        <v>20</v>
      </c>
      <c r="K195" s="2"/>
      <c r="L195" s="2" t="s">
        <v>532</v>
      </c>
    </row>
    <row r="196" spans="1:12" ht="15.2" customHeight="1">
      <c r="A196" s="2" t="s">
        <v>481</v>
      </c>
      <c r="B196" s="2" t="s">
        <v>131</v>
      </c>
      <c r="C196" s="2" t="s">
        <v>533</v>
      </c>
      <c r="D196" s="2" t="s">
        <v>534</v>
      </c>
      <c r="E196" s="2" t="s">
        <v>180</v>
      </c>
      <c r="F196" s="2" t="s">
        <v>535</v>
      </c>
      <c r="G196" s="3">
        <v>3</v>
      </c>
      <c r="H196" s="2" t="s">
        <v>32</v>
      </c>
      <c r="I196" s="3">
        <v>2016</v>
      </c>
      <c r="J196" s="2" t="s">
        <v>20</v>
      </c>
      <c r="K196" s="2"/>
      <c r="L196" s="2" t="s">
        <v>536</v>
      </c>
    </row>
    <row r="197" spans="1:12" ht="15.2" customHeight="1">
      <c r="A197" s="2" t="s">
        <v>481</v>
      </c>
      <c r="B197" s="2" t="s">
        <v>136</v>
      </c>
      <c r="C197" s="2" t="s">
        <v>537</v>
      </c>
      <c r="D197" s="2" t="s">
        <v>538</v>
      </c>
      <c r="E197" s="2" t="s">
        <v>361</v>
      </c>
      <c r="F197" s="2" t="s">
        <v>539</v>
      </c>
      <c r="G197" s="3">
        <v>4</v>
      </c>
      <c r="H197" s="2" t="s">
        <v>363</v>
      </c>
      <c r="I197" s="3">
        <v>2009</v>
      </c>
      <c r="J197" s="2" t="s">
        <v>20</v>
      </c>
      <c r="K197" s="2"/>
      <c r="L197" s="2" t="s">
        <v>540</v>
      </c>
    </row>
    <row r="198" spans="1:12" ht="15.2" customHeight="1">
      <c r="A198" s="2" t="s">
        <v>481</v>
      </c>
      <c r="B198" s="2" t="s">
        <v>141</v>
      </c>
      <c r="C198" s="2" t="s">
        <v>473</v>
      </c>
      <c r="D198" s="2" t="s">
        <v>474</v>
      </c>
      <c r="E198" s="2" t="s">
        <v>361</v>
      </c>
      <c r="F198" s="2" t="s">
        <v>475</v>
      </c>
      <c r="G198" s="3">
        <v>3</v>
      </c>
      <c r="H198" s="2" t="s">
        <v>123</v>
      </c>
      <c r="I198" s="3">
        <v>2009</v>
      </c>
      <c r="J198" s="2" t="s">
        <v>20</v>
      </c>
      <c r="K198" s="2"/>
      <c r="L198" s="2" t="s">
        <v>476</v>
      </c>
    </row>
    <row r="199" spans="1:12" ht="15.2" customHeight="1">
      <c r="A199" s="2" t="s">
        <v>481</v>
      </c>
      <c r="B199" s="2" t="s">
        <v>148</v>
      </c>
      <c r="C199" s="2" t="s">
        <v>298</v>
      </c>
      <c r="D199" s="2" t="s">
        <v>299</v>
      </c>
      <c r="E199" s="2" t="s">
        <v>295</v>
      </c>
      <c r="F199" s="2" t="s">
        <v>300</v>
      </c>
      <c r="G199" s="3">
        <v>2</v>
      </c>
      <c r="H199" s="2" t="s">
        <v>71</v>
      </c>
      <c r="I199" s="3">
        <v>2013</v>
      </c>
      <c r="J199" s="2" t="s">
        <v>20</v>
      </c>
      <c r="K199" s="2"/>
      <c r="L199" s="2" t="s">
        <v>301</v>
      </c>
    </row>
    <row r="200" spans="1:12" ht="15.2" customHeight="1">
      <c r="A200" s="2" t="s">
        <v>481</v>
      </c>
      <c r="B200" s="2" t="s">
        <v>153</v>
      </c>
      <c r="C200" s="2" t="s">
        <v>482</v>
      </c>
      <c r="D200" s="2" t="s">
        <v>483</v>
      </c>
      <c r="E200" s="2" t="s">
        <v>484</v>
      </c>
      <c r="F200" s="2" t="s">
        <v>485</v>
      </c>
      <c r="G200" s="3">
        <v>1</v>
      </c>
      <c r="H200" s="2" t="s">
        <v>32</v>
      </c>
      <c r="I200" s="3">
        <v>2018</v>
      </c>
      <c r="J200" s="2" t="s">
        <v>20</v>
      </c>
      <c r="K200" s="2"/>
      <c r="L200" s="2" t="s">
        <v>486</v>
      </c>
    </row>
    <row r="201" spans="1:12" ht="15.2" customHeight="1">
      <c r="A201" s="2" t="s">
        <v>481</v>
      </c>
      <c r="B201" s="2" t="s">
        <v>160</v>
      </c>
      <c r="C201" s="2" t="s">
        <v>424</v>
      </c>
      <c r="D201" s="2" t="s">
        <v>425</v>
      </c>
      <c r="E201" s="2" t="s">
        <v>222</v>
      </c>
      <c r="F201" s="2" t="s">
        <v>426</v>
      </c>
      <c r="G201" s="3">
        <v>8</v>
      </c>
      <c r="H201" s="2" t="s">
        <v>19</v>
      </c>
      <c r="I201" s="3">
        <v>2011</v>
      </c>
      <c r="J201" s="2" t="s">
        <v>224</v>
      </c>
      <c r="K201" s="2"/>
      <c r="L201" s="2" t="s">
        <v>427</v>
      </c>
    </row>
    <row r="202" spans="1:12" ht="15.2" customHeight="1">
      <c r="A202" s="2" t="s">
        <v>481</v>
      </c>
      <c r="B202" s="2" t="s">
        <v>165</v>
      </c>
      <c r="C202" s="2" t="s">
        <v>515</v>
      </c>
      <c r="D202" s="2" t="s">
        <v>516</v>
      </c>
      <c r="E202" s="2" t="s">
        <v>517</v>
      </c>
      <c r="F202" s="2" t="s">
        <v>518</v>
      </c>
      <c r="G202" s="3">
        <v>1</v>
      </c>
      <c r="H202" s="2" t="s">
        <v>32</v>
      </c>
      <c r="I202" s="3">
        <v>2013</v>
      </c>
      <c r="J202" s="2" t="s">
        <v>20</v>
      </c>
      <c r="K202" s="2"/>
      <c r="L202" s="2" t="s">
        <v>519</v>
      </c>
    </row>
    <row r="203" spans="1:12" ht="15.2" customHeight="1">
      <c r="A203" s="2" t="s">
        <v>481</v>
      </c>
      <c r="B203" s="2" t="s">
        <v>166</v>
      </c>
      <c r="C203" s="2" t="s">
        <v>453</v>
      </c>
      <c r="D203" s="2" t="s">
        <v>454</v>
      </c>
      <c r="E203" s="2" t="s">
        <v>232</v>
      </c>
      <c r="F203" s="2" t="s">
        <v>455</v>
      </c>
      <c r="G203" s="3">
        <v>4</v>
      </c>
      <c r="H203" s="2" t="s">
        <v>19</v>
      </c>
      <c r="I203" s="3">
        <v>2012</v>
      </c>
      <c r="J203" s="2" t="s">
        <v>20</v>
      </c>
      <c r="K203" s="2"/>
      <c r="L203" s="2" t="s">
        <v>456</v>
      </c>
    </row>
    <row r="204" spans="1:12" ht="15.2" customHeight="1">
      <c r="A204" s="2" t="s">
        <v>481</v>
      </c>
      <c r="B204" s="2" t="s">
        <v>167</v>
      </c>
      <c r="C204" s="2" t="s">
        <v>520</v>
      </c>
      <c r="D204" s="2" t="s">
        <v>521</v>
      </c>
      <c r="E204" s="2" t="s">
        <v>54</v>
      </c>
      <c r="F204" s="2" t="s">
        <v>522</v>
      </c>
      <c r="G204" s="3">
        <v>6</v>
      </c>
      <c r="H204" s="2" t="s">
        <v>32</v>
      </c>
      <c r="I204" s="3">
        <v>2018</v>
      </c>
      <c r="J204" s="2" t="s">
        <v>20</v>
      </c>
      <c r="K204" s="2"/>
      <c r="L204" s="2" t="s">
        <v>523</v>
      </c>
    </row>
    <row r="205" spans="1:12" ht="0" hidden="1" customHeight="1"/>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0-10-16T16:02:15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